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145705936" r:id="rId21"/>
    <p:sldId id="1178" r:id="rId22"/>
    <p:sldId id="2145705864" r:id="rId23"/>
    <p:sldId id="2145705884" r:id="rId24"/>
    <p:sldId id="2145705891" r:id="rId25"/>
    <p:sldId id="2145705892" r:id="rId26"/>
    <p:sldId id="1879256346" r:id="rId27"/>
    <p:sldId id="2134806243" r:id="rId28"/>
    <p:sldId id="14693" r:id="rId29"/>
    <p:sldId id="1194" r:id="rId30"/>
    <p:sldId id="2147328325" r:id="rId31"/>
    <p:sldId id="2147328314" r:id="rId32"/>
    <p:sldId id="2147328315" r:id="rId33"/>
    <p:sldId id="2147328327" r:id="rId34"/>
    <p:sldId id="2147328326" r:id="rId35"/>
    <p:sldId id="259" r:id="rId36"/>
  </p:sldIdLst>
  <p:sldSz cx="12192000" cy="6858000"/>
  <p:notesSz cx="6858000" cy="9144000"/>
  <p:embeddedFontLst>
    <p:embeddedFont>
      <p:font typeface="Ericsson Capital TT" panose="020B0604020202020204" charset="0"/>
      <p:regular r:id="rId39"/>
    </p:embeddedFont>
    <p:embeddedFont>
      <p:font typeface="Ericsson Hilda" panose="020B0604020202020204" charset="0"/>
      <p:regular r:id="rId40"/>
      <p:bold r:id="rId41"/>
      <p:italic r:id="rId42"/>
      <p:boldItalic r:id="rId43"/>
    </p:embeddedFont>
    <p:embeddedFont>
      <p:font typeface="Ericsson Hilda Light" panose="020B0604020202020204" charset="0"/>
      <p:regular r:id="rId44"/>
      <p:italic r:id="rId45"/>
    </p:embeddedFont>
    <p:embeddedFont>
      <p:font typeface="Ericsson Technical Icons" panose="020B0604020202020204" charset="0"/>
      <p:regular r:id="rId46"/>
      <p:bold r:id="rId47"/>
      <p:italic r:id="rId48"/>
      <p:boldItalic r:id="rId49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2F0"/>
    <a:srgbClr val="0066FF"/>
    <a:srgbClr val="0000FF"/>
    <a:srgbClr val="FF9900"/>
    <a:srgbClr val="0000CC"/>
    <a:srgbClr val="FFFF00"/>
    <a:srgbClr val="663300"/>
    <a:srgbClr val="008000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72D74D7-F2D8-47F7-AA08-027D8B0796A6}" v="139" dt="2022-06-15T21:21:51.28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1630" autoAdjust="0"/>
    <p:restoredTop sz="96357" autoAdjust="0"/>
  </p:normalViewPr>
  <p:slideViewPr>
    <p:cSldViewPr snapToGrid="0" snapToObjects="1" showGuides="1">
      <p:cViewPr varScale="1">
        <p:scale>
          <a:sx n="78" d="100"/>
          <a:sy n="78" d="100"/>
        </p:scale>
        <p:origin x="576" y="72"/>
      </p:cViewPr>
      <p:guideLst/>
    </p:cSldViewPr>
  </p:slideViewPr>
  <p:outlineViewPr>
    <p:cViewPr>
      <p:scale>
        <a:sx n="33" d="100"/>
        <a:sy n="33" d="100"/>
      </p:scale>
      <p:origin x="0" y="-888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font" Target="fonts/font9.fntdata"/><Relationship Id="rId50" Type="http://schemas.openxmlformats.org/officeDocument/2006/relationships/presProps" Target="presProps.xml"/><Relationship Id="rId55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9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font" Target="fonts/font10.fntdata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0" Type="http://schemas.openxmlformats.org/officeDocument/2006/relationships/slideMaster" Target="slideMasters/slideMaster1.xml"/><Relationship Id="rId41" Type="http://schemas.openxmlformats.org/officeDocument/2006/relationships/font" Target="fonts/font3.fntdata"/><Relationship Id="rId54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font" Target="fonts/font11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aroslav Svarc" userId="99620f1e-badf-4d76-9b39-3d50f1a91e66" providerId="ADAL" clId="{372D74D7-F2D8-47F7-AA08-027D8B0796A6}"/>
    <pc:docChg chg="custSel delSld modSld sldOrd modMainMaster">
      <pc:chgData name="Jaroslav Svarc" userId="99620f1e-badf-4d76-9b39-3d50f1a91e66" providerId="ADAL" clId="{372D74D7-F2D8-47F7-AA08-027D8B0796A6}" dt="2022-06-15T21:21:51.283" v="682" actId="478"/>
      <pc:docMkLst>
        <pc:docMk/>
      </pc:docMkLst>
      <pc:sldChg chg="modSp mod">
        <pc:chgData name="Jaroslav Svarc" userId="99620f1e-badf-4d76-9b39-3d50f1a91e66" providerId="ADAL" clId="{372D74D7-F2D8-47F7-AA08-027D8B0796A6}" dt="2022-06-15T21:00:45.527" v="216" actId="790"/>
        <pc:sldMkLst>
          <pc:docMk/>
          <pc:sldMk cId="257250564" sldId="259"/>
        </pc:sldMkLst>
        <pc:spChg chg="mod">
          <ac:chgData name="Jaroslav Svarc" userId="99620f1e-badf-4d76-9b39-3d50f1a91e66" providerId="ADAL" clId="{372D74D7-F2D8-47F7-AA08-027D8B0796A6}" dt="2022-06-15T21:00:45.527" v="216" actId="790"/>
          <ac:spMkLst>
            <pc:docMk/>
            <pc:sldMk cId="257250564" sldId="259"/>
            <ac:spMk id="4" creationId="{12E179FD-81F3-4B24-AF48-240D95C5884D}"/>
          </ac:spMkLst>
        </pc:spChg>
        <pc:spChg chg="mod">
          <ac:chgData name="Jaroslav Svarc" userId="99620f1e-badf-4d76-9b39-3d50f1a91e66" providerId="ADAL" clId="{372D74D7-F2D8-47F7-AA08-027D8B0796A6}" dt="2022-06-15T21:00:45.525" v="215" actId="790"/>
          <ac:spMkLst>
            <pc:docMk/>
            <pc:sldMk cId="257250564" sldId="259"/>
            <ac:spMk id="8" creationId="{3E3AD93F-911F-43C9-B70A-136D0FF1ED5A}"/>
          </ac:spMkLst>
        </pc:spChg>
      </pc:sldChg>
      <pc:sldChg chg="del">
        <pc:chgData name="Jaroslav Svarc" userId="99620f1e-badf-4d76-9b39-3d50f1a91e66" providerId="ADAL" clId="{372D74D7-F2D8-47F7-AA08-027D8B0796A6}" dt="2022-06-15T20:58:52.939" v="2" actId="47"/>
        <pc:sldMkLst>
          <pc:docMk/>
          <pc:sldMk cId="2112497722" sldId="715"/>
        </pc:sldMkLst>
      </pc:sldChg>
      <pc:sldChg chg="modSp mod">
        <pc:chgData name="Jaroslav Svarc" userId="99620f1e-badf-4d76-9b39-3d50f1a91e66" providerId="ADAL" clId="{372D74D7-F2D8-47F7-AA08-027D8B0796A6}" dt="2022-06-15T21:00:44.950" v="9" actId="790"/>
        <pc:sldMkLst>
          <pc:docMk/>
          <pc:sldMk cId="1074271637" sldId="1178"/>
        </pc:sldMkLst>
        <pc:spChg chg="mod">
          <ac:chgData name="Jaroslav Svarc" userId="99620f1e-badf-4d76-9b39-3d50f1a91e66" providerId="ADAL" clId="{372D74D7-F2D8-47F7-AA08-027D8B0796A6}" dt="2022-06-15T21:00:44.947" v="7" actId="790"/>
          <ac:spMkLst>
            <pc:docMk/>
            <pc:sldMk cId="1074271637" sldId="1178"/>
            <ac:spMk id="2" creationId="{5305B259-4A9D-411A-8349-66AC591C15F6}"/>
          </ac:spMkLst>
        </pc:spChg>
        <pc:spChg chg="mod">
          <ac:chgData name="Jaroslav Svarc" userId="99620f1e-badf-4d76-9b39-3d50f1a91e66" providerId="ADAL" clId="{372D74D7-F2D8-47F7-AA08-027D8B0796A6}" dt="2022-06-15T21:00:44.948" v="8" actId="790"/>
          <ac:spMkLst>
            <pc:docMk/>
            <pc:sldMk cId="1074271637" sldId="1178"/>
            <ac:spMk id="122" creationId="{1A15B64E-59CC-48C7-8262-FB8F5CBF14BF}"/>
          </ac:spMkLst>
        </pc:spChg>
        <pc:spChg chg="mod">
          <ac:chgData name="Jaroslav Svarc" userId="99620f1e-badf-4d76-9b39-3d50f1a91e66" providerId="ADAL" clId="{372D74D7-F2D8-47F7-AA08-027D8B0796A6}" dt="2022-06-15T21:00:44.950" v="9" actId="790"/>
          <ac:spMkLst>
            <pc:docMk/>
            <pc:sldMk cId="1074271637" sldId="1178"/>
            <ac:spMk id="124" creationId="{535C7C3E-DE6D-4CD7-9E6C-44B441B2148F}"/>
          </ac:spMkLst>
        </pc:spChg>
      </pc:sldChg>
      <pc:sldChg chg="modSp mod">
        <pc:chgData name="Jaroslav Svarc" userId="99620f1e-badf-4d76-9b39-3d50f1a91e66" providerId="ADAL" clId="{372D74D7-F2D8-47F7-AA08-027D8B0796A6}" dt="2022-06-15T21:00:45.243" v="90" actId="790"/>
        <pc:sldMkLst>
          <pc:docMk/>
          <pc:sldMk cId="3402571934" sldId="1194"/>
        </pc:sldMkLst>
        <pc:spChg chg="mod">
          <ac:chgData name="Jaroslav Svarc" userId="99620f1e-badf-4d76-9b39-3d50f1a91e66" providerId="ADAL" clId="{372D74D7-F2D8-47F7-AA08-027D8B0796A6}" dt="2022-06-15T21:00:45.243" v="90" actId="790"/>
          <ac:spMkLst>
            <pc:docMk/>
            <pc:sldMk cId="3402571934" sldId="1194"/>
            <ac:spMk id="3" creationId="{00000000-0000-0000-0000-000000000000}"/>
          </ac:spMkLst>
        </pc:spChg>
      </pc:sldChg>
      <pc:sldChg chg="modSp mod">
        <pc:chgData name="Jaroslav Svarc" userId="99620f1e-badf-4d76-9b39-3d50f1a91e66" providerId="ADAL" clId="{372D74D7-F2D8-47F7-AA08-027D8B0796A6}" dt="2022-06-15T21:00:45.240" v="89" actId="790"/>
        <pc:sldMkLst>
          <pc:docMk/>
          <pc:sldMk cId="3837063414" sldId="14693"/>
        </pc:sldMkLst>
        <pc:spChg chg="mod">
          <ac:chgData name="Jaroslav Svarc" userId="99620f1e-badf-4d76-9b39-3d50f1a91e66" providerId="ADAL" clId="{372D74D7-F2D8-47F7-AA08-027D8B0796A6}" dt="2022-06-15T21:00:45.235" v="86" actId="790"/>
          <ac:spMkLst>
            <pc:docMk/>
            <pc:sldMk cId="3837063414" sldId="14693"/>
            <ac:spMk id="2" creationId="{00000000-0000-0000-0000-000000000000}"/>
          </ac:spMkLst>
        </pc:spChg>
        <pc:spChg chg="mod">
          <ac:chgData name="Jaroslav Svarc" userId="99620f1e-badf-4d76-9b39-3d50f1a91e66" providerId="ADAL" clId="{372D74D7-F2D8-47F7-AA08-027D8B0796A6}" dt="2022-06-15T21:00:45.233" v="85" actId="790"/>
          <ac:spMkLst>
            <pc:docMk/>
            <pc:sldMk cId="3837063414" sldId="14693"/>
            <ac:spMk id="4" creationId="{00000000-0000-0000-0000-000000000000}"/>
          </ac:spMkLst>
        </pc:spChg>
        <pc:spChg chg="mod">
          <ac:chgData name="Jaroslav Svarc" userId="99620f1e-badf-4d76-9b39-3d50f1a91e66" providerId="ADAL" clId="{372D74D7-F2D8-47F7-AA08-027D8B0796A6}" dt="2022-06-15T21:00:45.238" v="88" actId="790"/>
          <ac:spMkLst>
            <pc:docMk/>
            <pc:sldMk cId="3837063414" sldId="14693"/>
            <ac:spMk id="20" creationId="{E0028526-C0C3-480F-99DE-CBC8FA9B2844}"/>
          </ac:spMkLst>
        </pc:spChg>
        <pc:spChg chg="mod">
          <ac:chgData name="Jaroslav Svarc" userId="99620f1e-badf-4d76-9b39-3d50f1a91e66" providerId="ADAL" clId="{372D74D7-F2D8-47F7-AA08-027D8B0796A6}" dt="2022-06-15T21:00:45.237" v="87" actId="790"/>
          <ac:spMkLst>
            <pc:docMk/>
            <pc:sldMk cId="3837063414" sldId="14693"/>
            <ac:spMk id="30" creationId="{00000000-0000-0000-0000-000000000000}"/>
          </ac:spMkLst>
        </pc:spChg>
        <pc:spChg chg="mod">
          <ac:chgData name="Jaroslav Svarc" userId="99620f1e-badf-4d76-9b39-3d50f1a91e66" providerId="ADAL" clId="{372D74D7-F2D8-47F7-AA08-027D8B0796A6}" dt="2022-06-15T21:00:45.240" v="89" actId="790"/>
          <ac:spMkLst>
            <pc:docMk/>
            <pc:sldMk cId="3837063414" sldId="14693"/>
            <ac:spMk id="41" creationId="{89448587-A485-4B56-920D-484916D908E4}"/>
          </ac:spMkLst>
        </pc:spChg>
      </pc:sldChg>
      <pc:sldChg chg="modSp mod ord">
        <pc:chgData name="Jaroslav Svarc" userId="99620f1e-badf-4d76-9b39-3d50f1a91e66" providerId="ADAL" clId="{372D74D7-F2D8-47F7-AA08-027D8B0796A6}" dt="2022-06-15T21:00:45.201" v="80" actId="790"/>
        <pc:sldMkLst>
          <pc:docMk/>
          <pc:sldMk cId="2332715961" sldId="1879256346"/>
        </pc:sldMkLst>
        <pc:spChg chg="mod">
          <ac:chgData name="Jaroslav Svarc" userId="99620f1e-badf-4d76-9b39-3d50f1a91e66" providerId="ADAL" clId="{372D74D7-F2D8-47F7-AA08-027D8B0796A6}" dt="2022-06-15T21:00:45.176" v="68" actId="790"/>
          <ac:spMkLst>
            <pc:docMk/>
            <pc:sldMk cId="2332715961" sldId="1879256346"/>
            <ac:spMk id="2" creationId="{42C055E6-88BD-41A6-BBA1-DC1691BDB816}"/>
          </ac:spMkLst>
        </pc:spChg>
        <pc:spChg chg="mod">
          <ac:chgData name="Jaroslav Svarc" userId="99620f1e-badf-4d76-9b39-3d50f1a91e66" providerId="ADAL" clId="{372D74D7-F2D8-47F7-AA08-027D8B0796A6}" dt="2022-06-15T21:00:45.181" v="69" actId="790"/>
          <ac:spMkLst>
            <pc:docMk/>
            <pc:sldMk cId="2332715961" sldId="1879256346"/>
            <ac:spMk id="3" creationId="{709EA192-C1FC-4162-A62A-A2E58C845D0C}"/>
          </ac:spMkLst>
        </pc:spChg>
        <pc:spChg chg="mod">
          <ac:chgData name="Jaroslav Svarc" userId="99620f1e-badf-4d76-9b39-3d50f1a91e66" providerId="ADAL" clId="{372D74D7-F2D8-47F7-AA08-027D8B0796A6}" dt="2022-06-15T21:00:45.184" v="70" actId="790"/>
          <ac:spMkLst>
            <pc:docMk/>
            <pc:sldMk cId="2332715961" sldId="1879256346"/>
            <ac:spMk id="7" creationId="{1001685C-C17C-4ECF-9452-B2337871ECF9}"/>
          </ac:spMkLst>
        </pc:spChg>
        <pc:spChg chg="mod">
          <ac:chgData name="Jaroslav Svarc" userId="99620f1e-badf-4d76-9b39-3d50f1a91e66" providerId="ADAL" clId="{372D74D7-F2D8-47F7-AA08-027D8B0796A6}" dt="2022-06-15T21:00:45.187" v="71" actId="790"/>
          <ac:spMkLst>
            <pc:docMk/>
            <pc:sldMk cId="2332715961" sldId="1879256346"/>
            <ac:spMk id="8" creationId="{32763236-C6C8-4240-AC3F-59E78FE66EEE}"/>
          </ac:spMkLst>
        </pc:spChg>
        <pc:spChg chg="mod">
          <ac:chgData name="Jaroslav Svarc" userId="99620f1e-badf-4d76-9b39-3d50f1a91e66" providerId="ADAL" clId="{372D74D7-F2D8-47F7-AA08-027D8B0796A6}" dt="2022-06-15T21:00:45.190" v="72" actId="790"/>
          <ac:spMkLst>
            <pc:docMk/>
            <pc:sldMk cId="2332715961" sldId="1879256346"/>
            <ac:spMk id="9" creationId="{75DFF7DD-9DF1-4B49-A0BD-885DA99F9FC7}"/>
          </ac:spMkLst>
        </pc:spChg>
        <pc:spChg chg="mod">
          <ac:chgData name="Jaroslav Svarc" userId="99620f1e-badf-4d76-9b39-3d50f1a91e66" providerId="ADAL" clId="{372D74D7-F2D8-47F7-AA08-027D8B0796A6}" dt="2022-06-15T21:00:45.192" v="73" actId="790"/>
          <ac:spMkLst>
            <pc:docMk/>
            <pc:sldMk cId="2332715961" sldId="1879256346"/>
            <ac:spMk id="14" creationId="{F9516648-DB91-4B34-906A-E6428F1EEEC9}"/>
          </ac:spMkLst>
        </pc:spChg>
        <pc:spChg chg="mod">
          <ac:chgData name="Jaroslav Svarc" userId="99620f1e-badf-4d76-9b39-3d50f1a91e66" providerId="ADAL" clId="{372D74D7-F2D8-47F7-AA08-027D8B0796A6}" dt="2022-06-15T21:00:45.193" v="74" actId="790"/>
          <ac:spMkLst>
            <pc:docMk/>
            <pc:sldMk cId="2332715961" sldId="1879256346"/>
            <ac:spMk id="15" creationId="{36DA25F5-0835-4BDA-BD11-22EF9164D047}"/>
          </ac:spMkLst>
        </pc:spChg>
        <pc:spChg chg="mod">
          <ac:chgData name="Jaroslav Svarc" userId="99620f1e-badf-4d76-9b39-3d50f1a91e66" providerId="ADAL" clId="{372D74D7-F2D8-47F7-AA08-027D8B0796A6}" dt="2022-06-15T21:00:45.195" v="75" actId="790"/>
          <ac:spMkLst>
            <pc:docMk/>
            <pc:sldMk cId="2332715961" sldId="1879256346"/>
            <ac:spMk id="16" creationId="{16EDE145-52CC-4265-9509-886F2E0D9F6F}"/>
          </ac:spMkLst>
        </pc:spChg>
        <pc:spChg chg="mod">
          <ac:chgData name="Jaroslav Svarc" userId="99620f1e-badf-4d76-9b39-3d50f1a91e66" providerId="ADAL" clId="{372D74D7-F2D8-47F7-AA08-027D8B0796A6}" dt="2022-06-15T21:00:45.196" v="76" actId="790"/>
          <ac:spMkLst>
            <pc:docMk/>
            <pc:sldMk cId="2332715961" sldId="1879256346"/>
            <ac:spMk id="17" creationId="{7E914116-7AE6-408D-8F5E-4B111D1B07C9}"/>
          </ac:spMkLst>
        </pc:spChg>
        <pc:spChg chg="mod">
          <ac:chgData name="Jaroslav Svarc" userId="99620f1e-badf-4d76-9b39-3d50f1a91e66" providerId="ADAL" clId="{372D74D7-F2D8-47F7-AA08-027D8B0796A6}" dt="2022-06-15T21:00:45.197" v="77" actId="790"/>
          <ac:spMkLst>
            <pc:docMk/>
            <pc:sldMk cId="2332715961" sldId="1879256346"/>
            <ac:spMk id="18" creationId="{8C0E5419-2037-4176-BB69-8549EA4D9020}"/>
          </ac:spMkLst>
        </pc:spChg>
        <pc:spChg chg="mod">
          <ac:chgData name="Jaroslav Svarc" userId="99620f1e-badf-4d76-9b39-3d50f1a91e66" providerId="ADAL" clId="{372D74D7-F2D8-47F7-AA08-027D8B0796A6}" dt="2022-06-15T21:00:45.199" v="78" actId="790"/>
          <ac:spMkLst>
            <pc:docMk/>
            <pc:sldMk cId="2332715961" sldId="1879256346"/>
            <ac:spMk id="21" creationId="{3EFEA09D-6E10-45A9-8291-241E40D93B3B}"/>
          </ac:spMkLst>
        </pc:spChg>
        <pc:spChg chg="mod">
          <ac:chgData name="Jaroslav Svarc" userId="99620f1e-badf-4d76-9b39-3d50f1a91e66" providerId="ADAL" clId="{372D74D7-F2D8-47F7-AA08-027D8B0796A6}" dt="2022-06-15T21:00:45.200" v="79" actId="790"/>
          <ac:spMkLst>
            <pc:docMk/>
            <pc:sldMk cId="2332715961" sldId="1879256346"/>
            <ac:spMk id="22" creationId="{E0C7EC85-4D1E-460B-B576-9F5C0ECF469A}"/>
          </ac:spMkLst>
        </pc:spChg>
        <pc:spChg chg="mod">
          <ac:chgData name="Jaroslav Svarc" userId="99620f1e-badf-4d76-9b39-3d50f1a91e66" providerId="ADAL" clId="{372D74D7-F2D8-47F7-AA08-027D8B0796A6}" dt="2022-06-15T21:00:45.201" v="80" actId="790"/>
          <ac:spMkLst>
            <pc:docMk/>
            <pc:sldMk cId="2332715961" sldId="1879256346"/>
            <ac:spMk id="30" creationId="{48277817-689A-4BD4-B957-47EDFE3B7559}"/>
          </ac:spMkLst>
        </pc:spChg>
      </pc:sldChg>
      <pc:sldChg chg="modSp mod">
        <pc:chgData name="Jaroslav Svarc" userId="99620f1e-badf-4d76-9b39-3d50f1a91e66" providerId="ADAL" clId="{372D74D7-F2D8-47F7-AA08-027D8B0796A6}" dt="2022-06-15T21:00:45.231" v="84" actId="790"/>
        <pc:sldMkLst>
          <pc:docMk/>
          <pc:sldMk cId="2114257581" sldId="2134806243"/>
        </pc:sldMkLst>
        <pc:spChg chg="mod">
          <ac:chgData name="Jaroslav Svarc" userId="99620f1e-badf-4d76-9b39-3d50f1a91e66" providerId="ADAL" clId="{372D74D7-F2D8-47F7-AA08-027D8B0796A6}" dt="2022-06-15T21:00:45.204" v="81" actId="790"/>
          <ac:spMkLst>
            <pc:docMk/>
            <pc:sldMk cId="2114257581" sldId="2134806243"/>
            <ac:spMk id="4" creationId="{EA7D4468-58D5-40D1-8182-8FDBCEF777E1}"/>
          </ac:spMkLst>
        </pc:spChg>
        <pc:spChg chg="mod">
          <ac:chgData name="Jaroslav Svarc" userId="99620f1e-badf-4d76-9b39-3d50f1a91e66" providerId="ADAL" clId="{372D74D7-F2D8-47F7-AA08-027D8B0796A6}" dt="2022-06-15T21:00:45.213" v="82" actId="790"/>
          <ac:spMkLst>
            <pc:docMk/>
            <pc:sldMk cId="2114257581" sldId="2134806243"/>
            <ac:spMk id="7" creationId="{35E51013-D714-4F5F-BBC1-670ADFCA3955}"/>
          </ac:spMkLst>
        </pc:spChg>
        <pc:spChg chg="mod">
          <ac:chgData name="Jaroslav Svarc" userId="99620f1e-badf-4d76-9b39-3d50f1a91e66" providerId="ADAL" clId="{372D74D7-F2D8-47F7-AA08-027D8B0796A6}" dt="2022-06-15T21:00:45.220" v="83" actId="790"/>
          <ac:spMkLst>
            <pc:docMk/>
            <pc:sldMk cId="2114257581" sldId="2134806243"/>
            <ac:spMk id="8" creationId="{07AE4E5B-410E-4E77-8083-FB37D69B5AF1}"/>
          </ac:spMkLst>
        </pc:spChg>
        <pc:spChg chg="mod">
          <ac:chgData name="Jaroslav Svarc" userId="99620f1e-badf-4d76-9b39-3d50f1a91e66" providerId="ADAL" clId="{372D74D7-F2D8-47F7-AA08-027D8B0796A6}" dt="2022-06-15T21:00:45.231" v="84" actId="790"/>
          <ac:spMkLst>
            <pc:docMk/>
            <pc:sldMk cId="2114257581" sldId="2134806243"/>
            <ac:spMk id="9" creationId="{267D5493-E83C-4E4D-8997-9C764543079A}"/>
          </ac:spMkLst>
        </pc:spChg>
      </pc:sldChg>
      <pc:sldChg chg="modSp mod">
        <pc:chgData name="Jaroslav Svarc" userId="99620f1e-badf-4d76-9b39-3d50f1a91e66" providerId="ADAL" clId="{372D74D7-F2D8-47F7-AA08-027D8B0796A6}" dt="2022-06-15T21:00:45.026" v="23" actId="790"/>
        <pc:sldMkLst>
          <pc:docMk/>
          <pc:sldMk cId="3996315539" sldId="2145705864"/>
        </pc:sldMkLst>
        <pc:spChg chg="mod">
          <ac:chgData name="Jaroslav Svarc" userId="99620f1e-badf-4d76-9b39-3d50f1a91e66" providerId="ADAL" clId="{372D74D7-F2D8-47F7-AA08-027D8B0796A6}" dt="2022-06-15T21:00:44.996" v="14" actId="790"/>
          <ac:spMkLst>
            <pc:docMk/>
            <pc:sldMk cId="3996315539" sldId="2145705864"/>
            <ac:spMk id="2" creationId="{42C055E6-88BD-41A6-BBA1-DC1691BDB816}"/>
          </ac:spMkLst>
        </pc:spChg>
        <pc:spChg chg="mod">
          <ac:chgData name="Jaroslav Svarc" userId="99620f1e-badf-4d76-9b39-3d50f1a91e66" providerId="ADAL" clId="{372D74D7-F2D8-47F7-AA08-027D8B0796A6}" dt="2022-06-15T21:00:45.003" v="15" actId="790"/>
          <ac:spMkLst>
            <pc:docMk/>
            <pc:sldMk cId="3996315539" sldId="2145705864"/>
            <ac:spMk id="3" creationId="{709EA192-C1FC-4162-A62A-A2E58C845D0C}"/>
          </ac:spMkLst>
        </pc:spChg>
        <pc:spChg chg="mod">
          <ac:chgData name="Jaroslav Svarc" userId="99620f1e-badf-4d76-9b39-3d50f1a91e66" providerId="ADAL" clId="{372D74D7-F2D8-47F7-AA08-027D8B0796A6}" dt="2022-06-15T21:00:45.008" v="16" actId="790"/>
          <ac:spMkLst>
            <pc:docMk/>
            <pc:sldMk cId="3996315539" sldId="2145705864"/>
            <ac:spMk id="7" creationId="{1001685C-C17C-4ECF-9452-B2337871ECF9}"/>
          </ac:spMkLst>
        </pc:spChg>
        <pc:spChg chg="mod">
          <ac:chgData name="Jaroslav Svarc" userId="99620f1e-badf-4d76-9b39-3d50f1a91e66" providerId="ADAL" clId="{372D74D7-F2D8-47F7-AA08-027D8B0796A6}" dt="2022-06-15T21:00:45.013" v="17" actId="790"/>
          <ac:spMkLst>
            <pc:docMk/>
            <pc:sldMk cId="3996315539" sldId="2145705864"/>
            <ac:spMk id="8" creationId="{32763236-C6C8-4240-AC3F-59E78FE66EEE}"/>
          </ac:spMkLst>
        </pc:spChg>
        <pc:spChg chg="mod">
          <ac:chgData name="Jaroslav Svarc" userId="99620f1e-badf-4d76-9b39-3d50f1a91e66" providerId="ADAL" clId="{372D74D7-F2D8-47F7-AA08-027D8B0796A6}" dt="2022-06-15T21:00:45.018" v="18" actId="790"/>
          <ac:spMkLst>
            <pc:docMk/>
            <pc:sldMk cId="3996315539" sldId="2145705864"/>
            <ac:spMk id="9" creationId="{75DFF7DD-9DF1-4B49-A0BD-885DA99F9FC7}"/>
          </ac:spMkLst>
        </pc:spChg>
        <pc:spChg chg="mod">
          <ac:chgData name="Jaroslav Svarc" userId="99620f1e-badf-4d76-9b39-3d50f1a91e66" providerId="ADAL" clId="{372D74D7-F2D8-47F7-AA08-027D8B0796A6}" dt="2022-06-15T21:00:45.019" v="19" actId="790"/>
          <ac:spMkLst>
            <pc:docMk/>
            <pc:sldMk cId="3996315539" sldId="2145705864"/>
            <ac:spMk id="14" creationId="{F9516648-DB91-4B34-906A-E6428F1EEEC9}"/>
          </ac:spMkLst>
        </pc:spChg>
        <pc:spChg chg="mod">
          <ac:chgData name="Jaroslav Svarc" userId="99620f1e-badf-4d76-9b39-3d50f1a91e66" providerId="ADAL" clId="{372D74D7-F2D8-47F7-AA08-027D8B0796A6}" dt="2022-06-15T21:00:45.021" v="20" actId="790"/>
          <ac:spMkLst>
            <pc:docMk/>
            <pc:sldMk cId="3996315539" sldId="2145705864"/>
            <ac:spMk id="15" creationId="{36DA25F5-0835-4BDA-BD11-22EF9164D047}"/>
          </ac:spMkLst>
        </pc:spChg>
        <pc:spChg chg="mod">
          <ac:chgData name="Jaroslav Svarc" userId="99620f1e-badf-4d76-9b39-3d50f1a91e66" providerId="ADAL" clId="{372D74D7-F2D8-47F7-AA08-027D8B0796A6}" dt="2022-06-15T21:00:45.023" v="21" actId="790"/>
          <ac:spMkLst>
            <pc:docMk/>
            <pc:sldMk cId="3996315539" sldId="2145705864"/>
            <ac:spMk id="16" creationId="{16EDE145-52CC-4265-9509-886F2E0D9F6F}"/>
          </ac:spMkLst>
        </pc:spChg>
        <pc:spChg chg="mod">
          <ac:chgData name="Jaroslav Svarc" userId="99620f1e-badf-4d76-9b39-3d50f1a91e66" providerId="ADAL" clId="{372D74D7-F2D8-47F7-AA08-027D8B0796A6}" dt="2022-06-15T21:00:44.955" v="13" actId="790"/>
          <ac:spMkLst>
            <pc:docMk/>
            <pc:sldMk cId="3996315539" sldId="2145705864"/>
            <ac:spMk id="20" creationId="{400384F2-21EA-4186-AFEF-0746DC214288}"/>
          </ac:spMkLst>
        </pc:spChg>
        <pc:spChg chg="mod">
          <ac:chgData name="Jaroslav Svarc" userId="99620f1e-badf-4d76-9b39-3d50f1a91e66" providerId="ADAL" clId="{372D74D7-F2D8-47F7-AA08-027D8B0796A6}" dt="2022-06-15T21:00:45.025" v="22" actId="790"/>
          <ac:spMkLst>
            <pc:docMk/>
            <pc:sldMk cId="3996315539" sldId="2145705864"/>
            <ac:spMk id="30" creationId="{48277817-689A-4BD4-B957-47EDFE3B7559}"/>
          </ac:spMkLst>
        </pc:spChg>
        <pc:spChg chg="mod">
          <ac:chgData name="Jaroslav Svarc" userId="99620f1e-badf-4d76-9b39-3d50f1a91e66" providerId="ADAL" clId="{372D74D7-F2D8-47F7-AA08-027D8B0796A6}" dt="2022-06-15T21:00:45.026" v="23" actId="790"/>
          <ac:spMkLst>
            <pc:docMk/>
            <pc:sldMk cId="3996315539" sldId="2145705864"/>
            <ac:spMk id="32" creationId="{4C454381-0157-45F4-B01E-62DC4A4B76F0}"/>
          </ac:spMkLst>
        </pc:spChg>
        <pc:spChg chg="mod">
          <ac:chgData name="Jaroslav Svarc" userId="99620f1e-badf-4d76-9b39-3d50f1a91e66" providerId="ADAL" clId="{372D74D7-F2D8-47F7-AA08-027D8B0796A6}" dt="2022-06-15T21:00:44.954" v="12" actId="790"/>
          <ac:spMkLst>
            <pc:docMk/>
            <pc:sldMk cId="3996315539" sldId="2145705864"/>
            <ac:spMk id="33" creationId="{DD6CE7C7-CFBB-485A-917B-C85D171E8231}"/>
          </ac:spMkLst>
        </pc:spChg>
        <pc:spChg chg="mod">
          <ac:chgData name="Jaroslav Svarc" userId="99620f1e-badf-4d76-9b39-3d50f1a91e66" providerId="ADAL" clId="{372D74D7-F2D8-47F7-AA08-027D8B0796A6}" dt="2022-06-15T21:00:44.953" v="11" actId="790"/>
          <ac:spMkLst>
            <pc:docMk/>
            <pc:sldMk cId="3996315539" sldId="2145705864"/>
            <ac:spMk id="34" creationId="{71AA11B6-2207-43C5-8BF0-89A1936D5034}"/>
          </ac:spMkLst>
        </pc:spChg>
        <pc:spChg chg="mod">
          <ac:chgData name="Jaroslav Svarc" userId="99620f1e-badf-4d76-9b39-3d50f1a91e66" providerId="ADAL" clId="{372D74D7-F2D8-47F7-AA08-027D8B0796A6}" dt="2022-06-15T21:00:44.951" v="10" actId="790"/>
          <ac:spMkLst>
            <pc:docMk/>
            <pc:sldMk cId="3996315539" sldId="2145705864"/>
            <ac:spMk id="35" creationId="{EB9ECEFC-A813-4AD6-80FB-74FE1A46E10F}"/>
          </ac:spMkLst>
        </pc:spChg>
      </pc:sldChg>
      <pc:sldChg chg="modSp mod">
        <pc:chgData name="Jaroslav Svarc" userId="99620f1e-badf-4d76-9b39-3d50f1a91e66" providerId="ADAL" clId="{372D74D7-F2D8-47F7-AA08-027D8B0796A6}" dt="2022-06-15T21:00:45.113" v="34" actId="790"/>
        <pc:sldMkLst>
          <pc:docMk/>
          <pc:sldMk cId="439709558" sldId="2145705884"/>
        </pc:sldMkLst>
        <pc:spChg chg="mod">
          <ac:chgData name="Jaroslav Svarc" userId="99620f1e-badf-4d76-9b39-3d50f1a91e66" providerId="ADAL" clId="{372D74D7-F2D8-47F7-AA08-027D8B0796A6}" dt="2022-06-15T21:00:45.034" v="28" actId="790"/>
          <ac:spMkLst>
            <pc:docMk/>
            <pc:sldMk cId="439709558" sldId="2145705884"/>
            <ac:spMk id="2" creationId="{F49ECE70-6F9B-4734-BE75-AEDC50058DC4}"/>
          </ac:spMkLst>
        </pc:spChg>
        <pc:spChg chg="mod">
          <ac:chgData name="Jaroslav Svarc" userId="99620f1e-badf-4d76-9b39-3d50f1a91e66" providerId="ADAL" clId="{372D74D7-F2D8-47F7-AA08-027D8B0796A6}" dt="2022-06-15T21:00:45.041" v="29" actId="790"/>
          <ac:spMkLst>
            <pc:docMk/>
            <pc:sldMk cId="439709558" sldId="2145705884"/>
            <ac:spMk id="4" creationId="{38706CB1-7328-4EC0-8A23-B5C858606218}"/>
          </ac:spMkLst>
        </pc:spChg>
        <pc:spChg chg="mod">
          <ac:chgData name="Jaroslav Svarc" userId="99620f1e-badf-4d76-9b39-3d50f1a91e66" providerId="ADAL" clId="{372D74D7-F2D8-47F7-AA08-027D8B0796A6}" dt="2022-06-15T21:00:45.046" v="30" actId="790"/>
          <ac:spMkLst>
            <pc:docMk/>
            <pc:sldMk cId="439709558" sldId="2145705884"/>
            <ac:spMk id="6" creationId="{74738177-B5F8-48F4-BFF9-B3FD602C7D13}"/>
          </ac:spMkLst>
        </pc:spChg>
        <pc:spChg chg="mod">
          <ac:chgData name="Jaroslav Svarc" userId="99620f1e-badf-4d76-9b39-3d50f1a91e66" providerId="ADAL" clId="{372D74D7-F2D8-47F7-AA08-027D8B0796A6}" dt="2022-06-15T21:00:45.075" v="32" actId="790"/>
          <ac:spMkLst>
            <pc:docMk/>
            <pc:sldMk cId="439709558" sldId="2145705884"/>
            <ac:spMk id="8" creationId="{13CF0AB0-EEBF-4891-8132-46B61FC0CEEB}"/>
          </ac:spMkLst>
        </pc:spChg>
        <pc:spChg chg="mod">
          <ac:chgData name="Jaroslav Svarc" userId="99620f1e-badf-4d76-9b39-3d50f1a91e66" providerId="ADAL" clId="{372D74D7-F2D8-47F7-AA08-027D8B0796A6}" dt="2022-06-15T21:00:45.047" v="31" actId="790"/>
          <ac:spMkLst>
            <pc:docMk/>
            <pc:sldMk cId="439709558" sldId="2145705884"/>
            <ac:spMk id="9" creationId="{C24F052B-EE39-4A2D-B713-9D5E45F80708}"/>
          </ac:spMkLst>
        </pc:spChg>
        <pc:spChg chg="mod">
          <ac:chgData name="Jaroslav Svarc" userId="99620f1e-badf-4d76-9b39-3d50f1a91e66" providerId="ADAL" clId="{372D74D7-F2D8-47F7-AA08-027D8B0796A6}" dt="2022-06-15T21:00:45.091" v="33" actId="790"/>
          <ac:spMkLst>
            <pc:docMk/>
            <pc:sldMk cId="439709558" sldId="2145705884"/>
            <ac:spMk id="12" creationId="{96BCD2EF-5B1F-41CA-8BBA-00AF5F694C89}"/>
          </ac:spMkLst>
        </pc:spChg>
        <pc:spChg chg="mod">
          <ac:chgData name="Jaroslav Svarc" userId="99620f1e-badf-4d76-9b39-3d50f1a91e66" providerId="ADAL" clId="{372D74D7-F2D8-47F7-AA08-027D8B0796A6}" dt="2022-06-15T21:00:45.113" v="34" actId="790"/>
          <ac:spMkLst>
            <pc:docMk/>
            <pc:sldMk cId="439709558" sldId="2145705884"/>
            <ac:spMk id="13" creationId="{A0E1A74C-1B62-44C5-936E-E0958A1890C3}"/>
          </ac:spMkLst>
        </pc:spChg>
        <pc:spChg chg="mod">
          <ac:chgData name="Jaroslav Svarc" userId="99620f1e-badf-4d76-9b39-3d50f1a91e66" providerId="ADAL" clId="{372D74D7-F2D8-47F7-AA08-027D8B0796A6}" dt="2022-06-15T21:00:45.031" v="27" actId="790"/>
          <ac:spMkLst>
            <pc:docMk/>
            <pc:sldMk cId="439709558" sldId="2145705884"/>
            <ac:spMk id="14" creationId="{5CF4E8AA-EF38-40C9-B045-1C9056029D9F}"/>
          </ac:spMkLst>
        </pc:spChg>
        <pc:spChg chg="mod">
          <ac:chgData name="Jaroslav Svarc" userId="99620f1e-badf-4d76-9b39-3d50f1a91e66" providerId="ADAL" clId="{372D74D7-F2D8-47F7-AA08-027D8B0796A6}" dt="2022-06-15T21:00:45.030" v="26" actId="790"/>
          <ac:spMkLst>
            <pc:docMk/>
            <pc:sldMk cId="439709558" sldId="2145705884"/>
            <ac:spMk id="15" creationId="{E18D5671-D1D7-489D-A36D-77488A8C951C}"/>
          </ac:spMkLst>
        </pc:spChg>
        <pc:spChg chg="mod">
          <ac:chgData name="Jaroslav Svarc" userId="99620f1e-badf-4d76-9b39-3d50f1a91e66" providerId="ADAL" clId="{372D74D7-F2D8-47F7-AA08-027D8B0796A6}" dt="2022-06-15T21:00:45.029" v="25" actId="790"/>
          <ac:spMkLst>
            <pc:docMk/>
            <pc:sldMk cId="439709558" sldId="2145705884"/>
            <ac:spMk id="16" creationId="{AB400FC1-3EBA-41C4-9CB7-E2B938DD64B6}"/>
          </ac:spMkLst>
        </pc:spChg>
        <pc:spChg chg="mod">
          <ac:chgData name="Jaroslav Svarc" userId="99620f1e-badf-4d76-9b39-3d50f1a91e66" providerId="ADAL" clId="{372D74D7-F2D8-47F7-AA08-027D8B0796A6}" dt="2022-06-15T21:00:45.028" v="24" actId="790"/>
          <ac:spMkLst>
            <pc:docMk/>
            <pc:sldMk cId="439709558" sldId="2145705884"/>
            <ac:spMk id="17" creationId="{43DA5265-7B2A-4287-9D13-76751564D38D}"/>
          </ac:spMkLst>
        </pc:spChg>
      </pc:sldChg>
      <pc:sldChg chg="modSp mod">
        <pc:chgData name="Jaroslav Svarc" userId="99620f1e-badf-4d76-9b39-3d50f1a91e66" providerId="ADAL" clId="{372D74D7-F2D8-47F7-AA08-027D8B0796A6}" dt="2022-06-15T21:00:45.168" v="64" actId="790"/>
        <pc:sldMkLst>
          <pc:docMk/>
          <pc:sldMk cId="3375019336" sldId="2145705891"/>
        </pc:sldMkLst>
        <pc:spChg chg="mod">
          <ac:chgData name="Jaroslav Svarc" userId="99620f1e-badf-4d76-9b39-3d50f1a91e66" providerId="ADAL" clId="{372D74D7-F2D8-47F7-AA08-027D8B0796A6}" dt="2022-06-15T21:00:45.122" v="38" actId="790"/>
          <ac:spMkLst>
            <pc:docMk/>
            <pc:sldMk cId="3375019336" sldId="2145705891"/>
            <ac:spMk id="2" creationId="{11120850-5F7D-40A9-9A17-7360EE675460}"/>
          </ac:spMkLst>
        </pc:spChg>
        <pc:spChg chg="mod">
          <ac:chgData name="Jaroslav Svarc" userId="99620f1e-badf-4d76-9b39-3d50f1a91e66" providerId="ADAL" clId="{372D74D7-F2D8-47F7-AA08-027D8B0796A6}" dt="2022-06-15T21:00:45.118" v="37" actId="790"/>
          <ac:spMkLst>
            <pc:docMk/>
            <pc:sldMk cId="3375019336" sldId="2145705891"/>
            <ac:spMk id="23" creationId="{0FD39EA4-CB0D-4C88-B744-9AA234EB94A8}"/>
          </ac:spMkLst>
        </pc:spChg>
        <pc:spChg chg="mod">
          <ac:chgData name="Jaroslav Svarc" userId="99620f1e-badf-4d76-9b39-3d50f1a91e66" providerId="ADAL" clId="{372D74D7-F2D8-47F7-AA08-027D8B0796A6}" dt="2022-06-15T21:00:45.124" v="39" actId="790"/>
          <ac:spMkLst>
            <pc:docMk/>
            <pc:sldMk cId="3375019336" sldId="2145705891"/>
            <ac:spMk id="27" creationId="{6526BA7A-31D7-4D2A-88A2-E8F9A9B8ECAF}"/>
          </ac:spMkLst>
        </pc:spChg>
        <pc:spChg chg="mod">
          <ac:chgData name="Jaroslav Svarc" userId="99620f1e-badf-4d76-9b39-3d50f1a91e66" providerId="ADAL" clId="{372D74D7-F2D8-47F7-AA08-027D8B0796A6}" dt="2022-06-15T21:00:45.116" v="36" actId="790"/>
          <ac:spMkLst>
            <pc:docMk/>
            <pc:sldMk cId="3375019336" sldId="2145705891"/>
            <ac:spMk id="28" creationId="{654C2F31-8822-400E-B774-90DED404B1DA}"/>
          </ac:spMkLst>
        </pc:spChg>
        <pc:spChg chg="mod">
          <ac:chgData name="Jaroslav Svarc" userId="99620f1e-badf-4d76-9b39-3d50f1a91e66" providerId="ADAL" clId="{372D74D7-F2D8-47F7-AA08-027D8B0796A6}" dt="2022-06-15T21:00:45.125" v="40" actId="790"/>
          <ac:spMkLst>
            <pc:docMk/>
            <pc:sldMk cId="3375019336" sldId="2145705891"/>
            <ac:spMk id="29" creationId="{AA1A4A6D-567A-4C8B-A2DF-72F8CAF99DF7}"/>
          </ac:spMkLst>
        </pc:spChg>
        <pc:spChg chg="mod">
          <ac:chgData name="Jaroslav Svarc" userId="99620f1e-badf-4d76-9b39-3d50f1a91e66" providerId="ADAL" clId="{372D74D7-F2D8-47F7-AA08-027D8B0796A6}" dt="2022-06-15T21:00:45.126" v="41" actId="790"/>
          <ac:spMkLst>
            <pc:docMk/>
            <pc:sldMk cId="3375019336" sldId="2145705891"/>
            <ac:spMk id="32" creationId="{12A121BB-B4F7-4617-83E5-EFBB1FBF54FA}"/>
          </ac:spMkLst>
        </pc:spChg>
        <pc:spChg chg="mod">
          <ac:chgData name="Jaroslav Svarc" userId="99620f1e-badf-4d76-9b39-3d50f1a91e66" providerId="ADAL" clId="{372D74D7-F2D8-47F7-AA08-027D8B0796A6}" dt="2022-06-15T21:00:45.115" v="35" actId="790"/>
          <ac:spMkLst>
            <pc:docMk/>
            <pc:sldMk cId="3375019336" sldId="2145705891"/>
            <ac:spMk id="33" creationId="{C827591B-96A6-410C-9842-17988667719C}"/>
          </ac:spMkLst>
        </pc:spChg>
        <pc:spChg chg="mod">
          <ac:chgData name="Jaroslav Svarc" userId="99620f1e-badf-4d76-9b39-3d50f1a91e66" providerId="ADAL" clId="{372D74D7-F2D8-47F7-AA08-027D8B0796A6}" dt="2022-06-15T21:00:45.127" v="42" actId="790"/>
          <ac:spMkLst>
            <pc:docMk/>
            <pc:sldMk cId="3375019336" sldId="2145705891"/>
            <ac:spMk id="35" creationId="{FCA8E9F9-AE83-4AF8-99E8-176C634BED0A}"/>
          </ac:spMkLst>
        </pc:spChg>
        <pc:spChg chg="mod">
          <ac:chgData name="Jaroslav Svarc" userId="99620f1e-badf-4d76-9b39-3d50f1a91e66" providerId="ADAL" clId="{372D74D7-F2D8-47F7-AA08-027D8B0796A6}" dt="2022-06-15T21:00:45.129" v="43" actId="790"/>
          <ac:spMkLst>
            <pc:docMk/>
            <pc:sldMk cId="3375019336" sldId="2145705891"/>
            <ac:spMk id="36" creationId="{471CDADB-477E-407F-9FB0-39570F699669}"/>
          </ac:spMkLst>
        </pc:spChg>
        <pc:spChg chg="mod">
          <ac:chgData name="Jaroslav Svarc" userId="99620f1e-badf-4d76-9b39-3d50f1a91e66" providerId="ADAL" clId="{372D74D7-F2D8-47F7-AA08-027D8B0796A6}" dt="2022-06-15T21:00:45.133" v="44" actId="790"/>
          <ac:spMkLst>
            <pc:docMk/>
            <pc:sldMk cId="3375019336" sldId="2145705891"/>
            <ac:spMk id="44" creationId="{E63C6395-E72B-4187-BB4B-076E172D6783}"/>
          </ac:spMkLst>
        </pc:spChg>
        <pc:spChg chg="mod">
          <ac:chgData name="Jaroslav Svarc" userId="99620f1e-badf-4d76-9b39-3d50f1a91e66" providerId="ADAL" clId="{372D74D7-F2D8-47F7-AA08-027D8B0796A6}" dt="2022-06-15T21:00:45.137" v="45" actId="790"/>
          <ac:spMkLst>
            <pc:docMk/>
            <pc:sldMk cId="3375019336" sldId="2145705891"/>
            <ac:spMk id="45" creationId="{8C9D6C2D-6807-4D34-B221-645ECE9F6BF3}"/>
          </ac:spMkLst>
        </pc:spChg>
        <pc:spChg chg="mod">
          <ac:chgData name="Jaroslav Svarc" userId="99620f1e-badf-4d76-9b39-3d50f1a91e66" providerId="ADAL" clId="{372D74D7-F2D8-47F7-AA08-027D8B0796A6}" dt="2022-06-15T21:00:45.140" v="46" actId="790"/>
          <ac:spMkLst>
            <pc:docMk/>
            <pc:sldMk cId="3375019336" sldId="2145705891"/>
            <ac:spMk id="46" creationId="{C196C04E-9A11-4ED8-9B14-351BB38C5AC1}"/>
          </ac:spMkLst>
        </pc:spChg>
        <pc:spChg chg="mod">
          <ac:chgData name="Jaroslav Svarc" userId="99620f1e-badf-4d76-9b39-3d50f1a91e66" providerId="ADAL" clId="{372D74D7-F2D8-47F7-AA08-027D8B0796A6}" dt="2022-06-15T21:00:45.144" v="47" actId="790"/>
          <ac:spMkLst>
            <pc:docMk/>
            <pc:sldMk cId="3375019336" sldId="2145705891"/>
            <ac:spMk id="47" creationId="{AC8BB54F-0D25-42A5-9303-5A6DC2650FD5}"/>
          </ac:spMkLst>
        </pc:spChg>
        <pc:spChg chg="mod">
          <ac:chgData name="Jaroslav Svarc" userId="99620f1e-badf-4d76-9b39-3d50f1a91e66" providerId="ADAL" clId="{372D74D7-F2D8-47F7-AA08-027D8B0796A6}" dt="2022-06-15T21:00:45.145" v="48" actId="790"/>
          <ac:spMkLst>
            <pc:docMk/>
            <pc:sldMk cId="3375019336" sldId="2145705891"/>
            <ac:spMk id="50" creationId="{0836600B-3D98-4531-80B4-C1EF3A81B798}"/>
          </ac:spMkLst>
        </pc:spChg>
        <pc:spChg chg="mod">
          <ac:chgData name="Jaroslav Svarc" userId="99620f1e-badf-4d76-9b39-3d50f1a91e66" providerId="ADAL" clId="{372D74D7-F2D8-47F7-AA08-027D8B0796A6}" dt="2022-06-15T21:00:45.147" v="49" actId="790"/>
          <ac:spMkLst>
            <pc:docMk/>
            <pc:sldMk cId="3375019336" sldId="2145705891"/>
            <ac:spMk id="51" creationId="{9A3BCABF-9F99-442B-AD09-37A9B2447BB0}"/>
          </ac:spMkLst>
        </pc:spChg>
        <pc:spChg chg="mod">
          <ac:chgData name="Jaroslav Svarc" userId="99620f1e-badf-4d76-9b39-3d50f1a91e66" providerId="ADAL" clId="{372D74D7-F2D8-47F7-AA08-027D8B0796A6}" dt="2022-06-15T21:00:45.148" v="50" actId="790"/>
          <ac:spMkLst>
            <pc:docMk/>
            <pc:sldMk cId="3375019336" sldId="2145705891"/>
            <ac:spMk id="52" creationId="{FC1E7A38-079F-41A9-AF7A-05DF802E1233}"/>
          </ac:spMkLst>
        </pc:spChg>
        <pc:spChg chg="mod">
          <ac:chgData name="Jaroslav Svarc" userId="99620f1e-badf-4d76-9b39-3d50f1a91e66" providerId="ADAL" clId="{372D74D7-F2D8-47F7-AA08-027D8B0796A6}" dt="2022-06-15T21:00:45.150" v="51" actId="790"/>
          <ac:spMkLst>
            <pc:docMk/>
            <pc:sldMk cId="3375019336" sldId="2145705891"/>
            <ac:spMk id="53" creationId="{0683D3C0-7133-46D1-9D79-FDA1EF1FD9C2}"/>
          </ac:spMkLst>
        </pc:spChg>
        <pc:spChg chg="mod">
          <ac:chgData name="Jaroslav Svarc" userId="99620f1e-badf-4d76-9b39-3d50f1a91e66" providerId="ADAL" clId="{372D74D7-F2D8-47F7-AA08-027D8B0796A6}" dt="2022-06-15T21:00:45.151" v="52" actId="790"/>
          <ac:spMkLst>
            <pc:docMk/>
            <pc:sldMk cId="3375019336" sldId="2145705891"/>
            <ac:spMk id="56" creationId="{A574A856-1771-4BEC-890F-59BA1212F6BF}"/>
          </ac:spMkLst>
        </pc:spChg>
        <pc:spChg chg="mod">
          <ac:chgData name="Jaroslav Svarc" userId="99620f1e-badf-4d76-9b39-3d50f1a91e66" providerId="ADAL" clId="{372D74D7-F2D8-47F7-AA08-027D8B0796A6}" dt="2022-06-15T21:00:45.152" v="53" actId="790"/>
          <ac:spMkLst>
            <pc:docMk/>
            <pc:sldMk cId="3375019336" sldId="2145705891"/>
            <ac:spMk id="57" creationId="{65B22983-3621-4A18-88AE-7E57510FC753}"/>
          </ac:spMkLst>
        </pc:spChg>
        <pc:spChg chg="mod">
          <ac:chgData name="Jaroslav Svarc" userId="99620f1e-badf-4d76-9b39-3d50f1a91e66" providerId="ADAL" clId="{372D74D7-F2D8-47F7-AA08-027D8B0796A6}" dt="2022-06-15T21:00:45.153" v="54" actId="790"/>
          <ac:spMkLst>
            <pc:docMk/>
            <pc:sldMk cId="3375019336" sldId="2145705891"/>
            <ac:spMk id="58" creationId="{8CC7569F-6C0D-47D4-B868-407BA72C7676}"/>
          </ac:spMkLst>
        </pc:spChg>
        <pc:spChg chg="mod">
          <ac:chgData name="Jaroslav Svarc" userId="99620f1e-badf-4d76-9b39-3d50f1a91e66" providerId="ADAL" clId="{372D74D7-F2D8-47F7-AA08-027D8B0796A6}" dt="2022-06-15T21:00:45.155" v="55" actId="790"/>
          <ac:spMkLst>
            <pc:docMk/>
            <pc:sldMk cId="3375019336" sldId="2145705891"/>
            <ac:spMk id="59" creationId="{6EEB5D26-559E-423C-8D24-B478EB407606}"/>
          </ac:spMkLst>
        </pc:spChg>
        <pc:spChg chg="mod">
          <ac:chgData name="Jaroslav Svarc" userId="99620f1e-badf-4d76-9b39-3d50f1a91e66" providerId="ADAL" clId="{372D74D7-F2D8-47F7-AA08-027D8B0796A6}" dt="2022-06-15T21:00:45.156" v="56" actId="790"/>
          <ac:spMkLst>
            <pc:docMk/>
            <pc:sldMk cId="3375019336" sldId="2145705891"/>
            <ac:spMk id="60" creationId="{4EC7261F-D794-4262-8A77-697056F80BB9}"/>
          </ac:spMkLst>
        </pc:spChg>
        <pc:spChg chg="mod">
          <ac:chgData name="Jaroslav Svarc" userId="99620f1e-badf-4d76-9b39-3d50f1a91e66" providerId="ADAL" clId="{372D74D7-F2D8-47F7-AA08-027D8B0796A6}" dt="2022-06-15T21:00:45.158" v="57" actId="790"/>
          <ac:spMkLst>
            <pc:docMk/>
            <pc:sldMk cId="3375019336" sldId="2145705891"/>
            <ac:spMk id="61" creationId="{F60D3429-B3CC-4171-9299-60D6E3D43467}"/>
          </ac:spMkLst>
        </pc:spChg>
        <pc:spChg chg="mod">
          <ac:chgData name="Jaroslav Svarc" userId="99620f1e-badf-4d76-9b39-3d50f1a91e66" providerId="ADAL" clId="{372D74D7-F2D8-47F7-AA08-027D8B0796A6}" dt="2022-06-15T21:00:45.159" v="58" actId="790"/>
          <ac:spMkLst>
            <pc:docMk/>
            <pc:sldMk cId="3375019336" sldId="2145705891"/>
            <ac:spMk id="62" creationId="{C1A9E75A-DCFA-404F-940B-40D7394085B1}"/>
          </ac:spMkLst>
        </pc:spChg>
        <pc:spChg chg="mod">
          <ac:chgData name="Jaroslav Svarc" userId="99620f1e-badf-4d76-9b39-3d50f1a91e66" providerId="ADAL" clId="{372D74D7-F2D8-47F7-AA08-027D8B0796A6}" dt="2022-06-15T21:00:45.161" v="59" actId="790"/>
          <ac:spMkLst>
            <pc:docMk/>
            <pc:sldMk cId="3375019336" sldId="2145705891"/>
            <ac:spMk id="63" creationId="{33F51A92-C0EF-4967-8181-1FBBD8D37B36}"/>
          </ac:spMkLst>
        </pc:spChg>
        <pc:spChg chg="mod">
          <ac:chgData name="Jaroslav Svarc" userId="99620f1e-badf-4d76-9b39-3d50f1a91e66" providerId="ADAL" clId="{372D74D7-F2D8-47F7-AA08-027D8B0796A6}" dt="2022-06-15T21:00:45.162" v="60" actId="790"/>
          <ac:spMkLst>
            <pc:docMk/>
            <pc:sldMk cId="3375019336" sldId="2145705891"/>
            <ac:spMk id="64" creationId="{B79D94E6-39D5-427E-8114-7F5634C0F3A2}"/>
          </ac:spMkLst>
        </pc:spChg>
        <pc:spChg chg="mod">
          <ac:chgData name="Jaroslav Svarc" userId="99620f1e-badf-4d76-9b39-3d50f1a91e66" providerId="ADAL" clId="{372D74D7-F2D8-47F7-AA08-027D8B0796A6}" dt="2022-06-15T21:00:45.164" v="61" actId="790"/>
          <ac:spMkLst>
            <pc:docMk/>
            <pc:sldMk cId="3375019336" sldId="2145705891"/>
            <ac:spMk id="65" creationId="{8688649A-80A3-4A75-B820-58DE7F378F8A}"/>
          </ac:spMkLst>
        </pc:spChg>
        <pc:spChg chg="mod">
          <ac:chgData name="Jaroslav Svarc" userId="99620f1e-badf-4d76-9b39-3d50f1a91e66" providerId="ADAL" clId="{372D74D7-F2D8-47F7-AA08-027D8B0796A6}" dt="2022-06-15T21:00:45.165" v="62" actId="790"/>
          <ac:spMkLst>
            <pc:docMk/>
            <pc:sldMk cId="3375019336" sldId="2145705891"/>
            <ac:spMk id="66" creationId="{E082CCB1-9032-4598-9421-31B79DC7452A}"/>
          </ac:spMkLst>
        </pc:spChg>
        <pc:spChg chg="mod">
          <ac:chgData name="Jaroslav Svarc" userId="99620f1e-badf-4d76-9b39-3d50f1a91e66" providerId="ADAL" clId="{372D74D7-F2D8-47F7-AA08-027D8B0796A6}" dt="2022-06-15T21:00:45.167" v="63" actId="790"/>
          <ac:spMkLst>
            <pc:docMk/>
            <pc:sldMk cId="3375019336" sldId="2145705891"/>
            <ac:spMk id="67" creationId="{D495D030-9A3B-4CA7-BF5F-DA0282BA085D}"/>
          </ac:spMkLst>
        </pc:spChg>
        <pc:spChg chg="mod">
          <ac:chgData name="Jaroslav Svarc" userId="99620f1e-badf-4d76-9b39-3d50f1a91e66" providerId="ADAL" clId="{372D74D7-F2D8-47F7-AA08-027D8B0796A6}" dt="2022-06-15T21:00:45.168" v="64" actId="790"/>
          <ac:spMkLst>
            <pc:docMk/>
            <pc:sldMk cId="3375019336" sldId="2145705891"/>
            <ac:spMk id="68" creationId="{024B470D-1F92-443D-BC5A-0EB6B373A808}"/>
          </ac:spMkLst>
        </pc:spChg>
      </pc:sldChg>
      <pc:sldChg chg="modSp mod">
        <pc:chgData name="Jaroslav Svarc" userId="99620f1e-badf-4d76-9b39-3d50f1a91e66" providerId="ADAL" clId="{372D74D7-F2D8-47F7-AA08-027D8B0796A6}" dt="2022-06-15T21:00:45.174" v="67" actId="790"/>
        <pc:sldMkLst>
          <pc:docMk/>
          <pc:sldMk cId="724938138" sldId="2145705892"/>
        </pc:sldMkLst>
        <pc:spChg chg="mod">
          <ac:chgData name="Jaroslav Svarc" userId="99620f1e-badf-4d76-9b39-3d50f1a91e66" providerId="ADAL" clId="{372D74D7-F2D8-47F7-AA08-027D8B0796A6}" dt="2022-06-15T21:00:45.171" v="65" actId="790"/>
          <ac:spMkLst>
            <pc:docMk/>
            <pc:sldMk cId="724938138" sldId="2145705892"/>
            <ac:spMk id="2" creationId="{BA0F2692-1CF1-423B-9D40-F70A2696D167}"/>
          </ac:spMkLst>
        </pc:spChg>
        <pc:spChg chg="mod">
          <ac:chgData name="Jaroslav Svarc" userId="99620f1e-badf-4d76-9b39-3d50f1a91e66" providerId="ADAL" clId="{372D74D7-F2D8-47F7-AA08-027D8B0796A6}" dt="2022-06-15T21:00:45.173" v="66" actId="790"/>
          <ac:spMkLst>
            <pc:docMk/>
            <pc:sldMk cId="724938138" sldId="2145705892"/>
            <ac:spMk id="62" creationId="{4316EF59-77CC-490D-BB7F-B160BF6D8515}"/>
          </ac:spMkLst>
        </pc:spChg>
        <pc:spChg chg="mod">
          <ac:chgData name="Jaroslav Svarc" userId="99620f1e-badf-4d76-9b39-3d50f1a91e66" providerId="ADAL" clId="{372D74D7-F2D8-47F7-AA08-027D8B0796A6}" dt="2022-06-15T21:00:45.174" v="67" actId="790"/>
          <ac:spMkLst>
            <pc:docMk/>
            <pc:sldMk cId="724938138" sldId="2145705892"/>
            <ac:spMk id="63" creationId="{4D720E91-5F1E-4DB9-95F4-75B3D3F37E8D}"/>
          </ac:spMkLst>
        </pc:spChg>
      </pc:sldChg>
      <pc:sldChg chg="modSp mod">
        <pc:chgData name="Jaroslav Svarc" userId="99620f1e-badf-4d76-9b39-3d50f1a91e66" providerId="ADAL" clId="{372D74D7-F2D8-47F7-AA08-027D8B0796A6}" dt="2022-06-15T21:00:44.943" v="6" actId="790"/>
        <pc:sldMkLst>
          <pc:docMk/>
          <pc:sldMk cId="728114428" sldId="2145705936"/>
        </pc:sldMkLst>
        <pc:spChg chg="mod">
          <ac:chgData name="Jaroslav Svarc" userId="99620f1e-badf-4d76-9b39-3d50f1a91e66" providerId="ADAL" clId="{372D74D7-F2D8-47F7-AA08-027D8B0796A6}" dt="2022-06-15T21:00:44.939" v="3" actId="790"/>
          <ac:spMkLst>
            <pc:docMk/>
            <pc:sldMk cId="728114428" sldId="2145705936"/>
            <ac:spMk id="2" creationId="{3B965DB9-990D-42FA-8A96-AE9E2B1A33B1}"/>
          </ac:spMkLst>
        </pc:spChg>
        <pc:spChg chg="mod">
          <ac:chgData name="Jaroslav Svarc" userId="99620f1e-badf-4d76-9b39-3d50f1a91e66" providerId="ADAL" clId="{372D74D7-F2D8-47F7-AA08-027D8B0796A6}" dt="2022-06-15T21:00:44.941" v="4" actId="790"/>
          <ac:spMkLst>
            <pc:docMk/>
            <pc:sldMk cId="728114428" sldId="2145705936"/>
            <ac:spMk id="4" creationId="{C3A7152E-1193-42D5-AAAE-792423D85737}"/>
          </ac:spMkLst>
        </pc:spChg>
        <pc:spChg chg="mod">
          <ac:chgData name="Jaroslav Svarc" userId="99620f1e-badf-4d76-9b39-3d50f1a91e66" providerId="ADAL" clId="{372D74D7-F2D8-47F7-AA08-027D8B0796A6}" dt="2022-06-15T21:00:44.942" v="5" actId="790"/>
          <ac:spMkLst>
            <pc:docMk/>
            <pc:sldMk cId="728114428" sldId="2145705936"/>
            <ac:spMk id="5" creationId="{7986FD49-9B2F-4208-8540-5F97918FA12C}"/>
          </ac:spMkLst>
        </pc:spChg>
        <pc:spChg chg="mod">
          <ac:chgData name="Jaroslav Svarc" userId="99620f1e-badf-4d76-9b39-3d50f1a91e66" providerId="ADAL" clId="{372D74D7-F2D8-47F7-AA08-027D8B0796A6}" dt="2022-06-15T21:00:44.943" v="6" actId="790"/>
          <ac:spMkLst>
            <pc:docMk/>
            <pc:sldMk cId="728114428" sldId="2145705936"/>
            <ac:spMk id="6" creationId="{216FD6E6-EB04-48C7-AAF4-64C6EAFFEBA2}"/>
          </ac:spMkLst>
        </pc:spChg>
      </pc:sldChg>
      <pc:sldChg chg="modSp mod">
        <pc:chgData name="Jaroslav Svarc" userId="99620f1e-badf-4d76-9b39-3d50f1a91e66" providerId="ADAL" clId="{372D74D7-F2D8-47F7-AA08-027D8B0796A6}" dt="2022-06-15T21:00:45.380" v="137"/>
        <pc:sldMkLst>
          <pc:docMk/>
          <pc:sldMk cId="1461379941" sldId="2147328314"/>
        </pc:sldMkLst>
        <pc:spChg chg="mod">
          <ac:chgData name="Jaroslav Svarc" userId="99620f1e-badf-4d76-9b39-3d50f1a91e66" providerId="ADAL" clId="{372D74D7-F2D8-47F7-AA08-027D8B0796A6}" dt="2022-06-15T21:00:45.347" v="122" actId="790"/>
          <ac:spMkLst>
            <pc:docMk/>
            <pc:sldMk cId="1461379941" sldId="2147328314"/>
            <ac:spMk id="2" creationId="{3DFEC1D0-4918-41D3-A0E2-8DB182F3225F}"/>
          </ac:spMkLst>
        </pc:spChg>
        <pc:spChg chg="mod">
          <ac:chgData name="Jaroslav Svarc" userId="99620f1e-badf-4d76-9b39-3d50f1a91e66" providerId="ADAL" clId="{372D74D7-F2D8-47F7-AA08-027D8B0796A6}" dt="2022-06-15T21:00:45.349" v="123" actId="790"/>
          <ac:spMkLst>
            <pc:docMk/>
            <pc:sldMk cId="1461379941" sldId="2147328314"/>
            <ac:spMk id="3" creationId="{E76C7918-084A-4DBE-9260-41722051BBE9}"/>
          </ac:spMkLst>
        </pc:spChg>
        <pc:spChg chg="mod">
          <ac:chgData name="Jaroslav Svarc" userId="99620f1e-badf-4d76-9b39-3d50f1a91e66" providerId="ADAL" clId="{372D74D7-F2D8-47F7-AA08-027D8B0796A6}" dt="2022-06-15T21:00:45.352" v="124" actId="790"/>
          <ac:spMkLst>
            <pc:docMk/>
            <pc:sldMk cId="1461379941" sldId="2147328314"/>
            <ac:spMk id="7" creationId="{19D0C12A-026C-483F-B71D-940229CD9D3E}"/>
          </ac:spMkLst>
        </pc:spChg>
        <pc:spChg chg="mod">
          <ac:chgData name="Jaroslav Svarc" userId="99620f1e-badf-4d76-9b39-3d50f1a91e66" providerId="ADAL" clId="{372D74D7-F2D8-47F7-AA08-027D8B0796A6}" dt="2022-06-15T21:00:45.323" v="109"/>
          <ac:spMkLst>
            <pc:docMk/>
            <pc:sldMk cId="1461379941" sldId="2147328314"/>
            <ac:spMk id="17" creationId="{6132C2EB-E1A4-4BE1-B592-850B11DCF3A9}"/>
          </ac:spMkLst>
        </pc:spChg>
        <pc:spChg chg="mod">
          <ac:chgData name="Jaroslav Svarc" userId="99620f1e-badf-4d76-9b39-3d50f1a91e66" providerId="ADAL" clId="{372D74D7-F2D8-47F7-AA08-027D8B0796A6}" dt="2022-06-15T21:00:45.324" v="110"/>
          <ac:spMkLst>
            <pc:docMk/>
            <pc:sldMk cId="1461379941" sldId="2147328314"/>
            <ac:spMk id="20" creationId="{F96D0309-CECD-430D-B83E-B7E97B708A99}"/>
          </ac:spMkLst>
        </pc:spChg>
        <pc:spChg chg="mod">
          <ac:chgData name="Jaroslav Svarc" userId="99620f1e-badf-4d76-9b39-3d50f1a91e66" providerId="ADAL" clId="{372D74D7-F2D8-47F7-AA08-027D8B0796A6}" dt="2022-06-15T21:00:45.325" v="111"/>
          <ac:spMkLst>
            <pc:docMk/>
            <pc:sldMk cId="1461379941" sldId="2147328314"/>
            <ac:spMk id="21" creationId="{7553BDBA-5CB7-4ABE-8968-DBAC611FE326}"/>
          </ac:spMkLst>
        </pc:spChg>
        <pc:spChg chg="mod">
          <ac:chgData name="Jaroslav Svarc" userId="99620f1e-badf-4d76-9b39-3d50f1a91e66" providerId="ADAL" clId="{372D74D7-F2D8-47F7-AA08-027D8B0796A6}" dt="2022-06-15T21:00:45.327" v="112"/>
          <ac:spMkLst>
            <pc:docMk/>
            <pc:sldMk cId="1461379941" sldId="2147328314"/>
            <ac:spMk id="22" creationId="{6FF998C5-5D92-45AB-8D6F-44671385458C}"/>
          </ac:spMkLst>
        </pc:spChg>
        <pc:spChg chg="mod">
          <ac:chgData name="Jaroslav Svarc" userId="99620f1e-badf-4d76-9b39-3d50f1a91e66" providerId="ADAL" clId="{372D74D7-F2D8-47F7-AA08-027D8B0796A6}" dt="2022-06-15T21:00:45.329" v="113"/>
          <ac:spMkLst>
            <pc:docMk/>
            <pc:sldMk cId="1461379941" sldId="2147328314"/>
            <ac:spMk id="23" creationId="{81A23D04-4E24-466E-9BBB-65BB8C568072}"/>
          </ac:spMkLst>
        </pc:spChg>
        <pc:spChg chg="mod">
          <ac:chgData name="Jaroslav Svarc" userId="99620f1e-badf-4d76-9b39-3d50f1a91e66" providerId="ADAL" clId="{372D74D7-F2D8-47F7-AA08-027D8B0796A6}" dt="2022-06-15T21:00:45.331" v="114" actId="790"/>
          <ac:spMkLst>
            <pc:docMk/>
            <pc:sldMk cId="1461379941" sldId="2147328314"/>
            <ac:spMk id="24" creationId="{C48F094A-00C0-4656-8FB5-B8A7A6D71EA7}"/>
          </ac:spMkLst>
        </pc:spChg>
        <pc:spChg chg="mod">
          <ac:chgData name="Jaroslav Svarc" userId="99620f1e-badf-4d76-9b39-3d50f1a91e66" providerId="ADAL" clId="{372D74D7-F2D8-47F7-AA08-027D8B0796A6}" dt="2022-06-15T21:00:45.332" v="115" actId="790"/>
          <ac:spMkLst>
            <pc:docMk/>
            <pc:sldMk cId="1461379941" sldId="2147328314"/>
            <ac:spMk id="25" creationId="{633A6684-0CBE-42D4-A9B1-CB0B18F7257D}"/>
          </ac:spMkLst>
        </pc:spChg>
        <pc:spChg chg="mod">
          <ac:chgData name="Jaroslav Svarc" userId="99620f1e-badf-4d76-9b39-3d50f1a91e66" providerId="ADAL" clId="{372D74D7-F2D8-47F7-AA08-027D8B0796A6}" dt="2022-06-15T21:00:45.336" v="116"/>
          <ac:spMkLst>
            <pc:docMk/>
            <pc:sldMk cId="1461379941" sldId="2147328314"/>
            <ac:spMk id="26" creationId="{642145BD-9F76-4208-8569-5DB4848F5AC6}"/>
          </ac:spMkLst>
        </pc:spChg>
        <pc:spChg chg="mod">
          <ac:chgData name="Jaroslav Svarc" userId="99620f1e-badf-4d76-9b39-3d50f1a91e66" providerId="ADAL" clId="{372D74D7-F2D8-47F7-AA08-027D8B0796A6}" dt="2022-06-15T21:00:45.339" v="117"/>
          <ac:spMkLst>
            <pc:docMk/>
            <pc:sldMk cId="1461379941" sldId="2147328314"/>
            <ac:spMk id="27" creationId="{C776C691-4E43-4C6F-BE6F-FF26EA18B790}"/>
          </ac:spMkLst>
        </pc:spChg>
        <pc:spChg chg="mod">
          <ac:chgData name="Jaroslav Svarc" userId="99620f1e-badf-4d76-9b39-3d50f1a91e66" providerId="ADAL" clId="{372D74D7-F2D8-47F7-AA08-027D8B0796A6}" dt="2022-06-15T21:00:45.341" v="118" actId="790"/>
          <ac:spMkLst>
            <pc:docMk/>
            <pc:sldMk cId="1461379941" sldId="2147328314"/>
            <ac:spMk id="28" creationId="{522047FA-9D04-4179-96AB-BF57EBB9D627}"/>
          </ac:spMkLst>
        </pc:spChg>
        <pc:spChg chg="mod">
          <ac:chgData name="Jaroslav Svarc" userId="99620f1e-badf-4d76-9b39-3d50f1a91e66" providerId="ADAL" clId="{372D74D7-F2D8-47F7-AA08-027D8B0796A6}" dt="2022-06-15T21:00:45.343" v="119" actId="790"/>
          <ac:spMkLst>
            <pc:docMk/>
            <pc:sldMk cId="1461379941" sldId="2147328314"/>
            <ac:spMk id="30" creationId="{F2A81F04-381B-4D69-B833-3AF3F7861431}"/>
          </ac:spMkLst>
        </pc:spChg>
        <pc:spChg chg="mod">
          <ac:chgData name="Jaroslav Svarc" userId="99620f1e-badf-4d76-9b39-3d50f1a91e66" providerId="ADAL" clId="{372D74D7-F2D8-47F7-AA08-027D8B0796A6}" dt="2022-06-15T21:00:45.344" v="120"/>
          <ac:spMkLst>
            <pc:docMk/>
            <pc:sldMk cId="1461379941" sldId="2147328314"/>
            <ac:spMk id="32" creationId="{75562137-AC20-4FFE-AEC3-A357B825B433}"/>
          </ac:spMkLst>
        </pc:spChg>
        <pc:spChg chg="mod">
          <ac:chgData name="Jaroslav Svarc" userId="99620f1e-badf-4d76-9b39-3d50f1a91e66" providerId="ADAL" clId="{372D74D7-F2D8-47F7-AA08-027D8B0796A6}" dt="2022-06-15T21:00:45.346" v="121"/>
          <ac:spMkLst>
            <pc:docMk/>
            <pc:sldMk cId="1461379941" sldId="2147328314"/>
            <ac:spMk id="35" creationId="{D9E35CCD-B4E8-4B2A-9147-C0E4671681DC}"/>
          </ac:spMkLst>
        </pc:spChg>
        <pc:spChg chg="mod">
          <ac:chgData name="Jaroslav Svarc" userId="99620f1e-badf-4d76-9b39-3d50f1a91e66" providerId="ADAL" clId="{372D74D7-F2D8-47F7-AA08-027D8B0796A6}" dt="2022-06-15T21:00:45.354" v="125" actId="790"/>
          <ac:spMkLst>
            <pc:docMk/>
            <pc:sldMk cId="1461379941" sldId="2147328314"/>
            <ac:spMk id="39" creationId="{51AADF3F-7D49-4863-84D7-963D1C91C921}"/>
          </ac:spMkLst>
        </pc:spChg>
        <pc:spChg chg="mod">
          <ac:chgData name="Jaroslav Svarc" userId="99620f1e-badf-4d76-9b39-3d50f1a91e66" providerId="ADAL" clId="{372D74D7-F2D8-47F7-AA08-027D8B0796A6}" dt="2022-06-15T21:00:45.355" v="126"/>
          <ac:spMkLst>
            <pc:docMk/>
            <pc:sldMk cId="1461379941" sldId="2147328314"/>
            <ac:spMk id="40" creationId="{1966CDC9-4769-473B-A49D-0B5BF197EB93}"/>
          </ac:spMkLst>
        </pc:spChg>
        <pc:spChg chg="mod">
          <ac:chgData name="Jaroslav Svarc" userId="99620f1e-badf-4d76-9b39-3d50f1a91e66" providerId="ADAL" clId="{372D74D7-F2D8-47F7-AA08-027D8B0796A6}" dt="2022-06-15T21:00:45.357" v="127"/>
          <ac:spMkLst>
            <pc:docMk/>
            <pc:sldMk cId="1461379941" sldId="2147328314"/>
            <ac:spMk id="43" creationId="{967C752D-FBC2-4432-8F5C-318FF3A71BF0}"/>
          </ac:spMkLst>
        </pc:spChg>
        <pc:spChg chg="mod">
          <ac:chgData name="Jaroslav Svarc" userId="99620f1e-badf-4d76-9b39-3d50f1a91e66" providerId="ADAL" clId="{372D74D7-F2D8-47F7-AA08-027D8B0796A6}" dt="2022-06-15T21:00:45.358" v="128"/>
          <ac:spMkLst>
            <pc:docMk/>
            <pc:sldMk cId="1461379941" sldId="2147328314"/>
            <ac:spMk id="44" creationId="{2A20A176-AC22-4398-AF03-691065B0376B}"/>
          </ac:spMkLst>
        </pc:spChg>
        <pc:spChg chg="mod">
          <ac:chgData name="Jaroslav Svarc" userId="99620f1e-badf-4d76-9b39-3d50f1a91e66" providerId="ADAL" clId="{372D74D7-F2D8-47F7-AA08-027D8B0796A6}" dt="2022-06-15T21:00:45.359" v="129"/>
          <ac:spMkLst>
            <pc:docMk/>
            <pc:sldMk cId="1461379941" sldId="2147328314"/>
            <ac:spMk id="45" creationId="{7F33ADB6-8661-4601-8CCE-0AE31DA35E8E}"/>
          </ac:spMkLst>
        </pc:spChg>
        <pc:spChg chg="mod">
          <ac:chgData name="Jaroslav Svarc" userId="99620f1e-badf-4d76-9b39-3d50f1a91e66" providerId="ADAL" clId="{372D74D7-F2D8-47F7-AA08-027D8B0796A6}" dt="2022-06-15T21:00:45.361" v="130" actId="790"/>
          <ac:spMkLst>
            <pc:docMk/>
            <pc:sldMk cId="1461379941" sldId="2147328314"/>
            <ac:spMk id="46" creationId="{0DD75498-EC5C-47DF-949C-2BDA615859BD}"/>
          </ac:spMkLst>
        </pc:spChg>
        <pc:spChg chg="mod">
          <ac:chgData name="Jaroslav Svarc" userId="99620f1e-badf-4d76-9b39-3d50f1a91e66" providerId="ADAL" clId="{372D74D7-F2D8-47F7-AA08-027D8B0796A6}" dt="2022-06-15T21:00:45.362" v="131" actId="790"/>
          <ac:spMkLst>
            <pc:docMk/>
            <pc:sldMk cId="1461379941" sldId="2147328314"/>
            <ac:spMk id="47" creationId="{CB1F600D-5506-4A07-891D-124554BDDEB1}"/>
          </ac:spMkLst>
        </pc:spChg>
        <pc:spChg chg="mod">
          <ac:chgData name="Jaroslav Svarc" userId="99620f1e-badf-4d76-9b39-3d50f1a91e66" providerId="ADAL" clId="{372D74D7-F2D8-47F7-AA08-027D8B0796A6}" dt="2022-06-15T21:00:45.363" v="132"/>
          <ac:spMkLst>
            <pc:docMk/>
            <pc:sldMk cId="1461379941" sldId="2147328314"/>
            <ac:spMk id="48" creationId="{C84DFF55-CB4E-44F7-BD10-DE2A8203DA7A}"/>
          </ac:spMkLst>
        </pc:spChg>
        <pc:spChg chg="mod">
          <ac:chgData name="Jaroslav Svarc" userId="99620f1e-badf-4d76-9b39-3d50f1a91e66" providerId="ADAL" clId="{372D74D7-F2D8-47F7-AA08-027D8B0796A6}" dt="2022-06-15T21:00:45.365" v="133"/>
          <ac:spMkLst>
            <pc:docMk/>
            <pc:sldMk cId="1461379941" sldId="2147328314"/>
            <ac:spMk id="49" creationId="{BE052753-412A-4524-9FD8-3C682411CE0D}"/>
          </ac:spMkLst>
        </pc:spChg>
        <pc:spChg chg="mod">
          <ac:chgData name="Jaroslav Svarc" userId="99620f1e-badf-4d76-9b39-3d50f1a91e66" providerId="ADAL" clId="{372D74D7-F2D8-47F7-AA08-027D8B0796A6}" dt="2022-06-15T21:00:45.368" v="134"/>
          <ac:spMkLst>
            <pc:docMk/>
            <pc:sldMk cId="1461379941" sldId="2147328314"/>
            <ac:spMk id="50" creationId="{4F3B0E34-CA30-4C29-A690-05B36E5CE564}"/>
          </ac:spMkLst>
        </pc:spChg>
        <pc:spChg chg="mod">
          <ac:chgData name="Jaroslav Svarc" userId="99620f1e-badf-4d76-9b39-3d50f1a91e66" providerId="ADAL" clId="{372D74D7-F2D8-47F7-AA08-027D8B0796A6}" dt="2022-06-15T21:00:45.379" v="135" actId="790"/>
          <ac:spMkLst>
            <pc:docMk/>
            <pc:sldMk cId="1461379941" sldId="2147328314"/>
            <ac:spMk id="51" creationId="{84BAC85E-5986-490C-87E1-E9A8A12E73EE}"/>
          </ac:spMkLst>
        </pc:spChg>
        <pc:spChg chg="mod">
          <ac:chgData name="Jaroslav Svarc" userId="99620f1e-badf-4d76-9b39-3d50f1a91e66" providerId="ADAL" clId="{372D74D7-F2D8-47F7-AA08-027D8B0796A6}" dt="2022-06-15T21:00:45.379" v="136"/>
          <ac:spMkLst>
            <pc:docMk/>
            <pc:sldMk cId="1461379941" sldId="2147328314"/>
            <ac:spMk id="54" creationId="{90029355-1E7F-4937-8C4E-9F0E57E5FE23}"/>
          </ac:spMkLst>
        </pc:spChg>
        <pc:spChg chg="mod">
          <ac:chgData name="Jaroslav Svarc" userId="99620f1e-badf-4d76-9b39-3d50f1a91e66" providerId="ADAL" clId="{372D74D7-F2D8-47F7-AA08-027D8B0796A6}" dt="2022-06-15T21:00:45.380" v="137"/>
          <ac:spMkLst>
            <pc:docMk/>
            <pc:sldMk cId="1461379941" sldId="2147328314"/>
            <ac:spMk id="55" creationId="{E2035BA1-3114-4D08-9F2A-A599C0955BE2}"/>
          </ac:spMkLst>
        </pc:spChg>
      </pc:sldChg>
      <pc:sldChg chg="delSp modSp mod">
        <pc:chgData name="Jaroslav Svarc" userId="99620f1e-badf-4d76-9b39-3d50f1a91e66" providerId="ADAL" clId="{372D74D7-F2D8-47F7-AA08-027D8B0796A6}" dt="2022-06-15T21:21:51.283" v="682" actId="478"/>
        <pc:sldMkLst>
          <pc:docMk/>
          <pc:sldMk cId="1360696624" sldId="2147328315"/>
        </pc:sldMkLst>
        <pc:spChg chg="mod">
          <ac:chgData name="Jaroslav Svarc" userId="99620f1e-badf-4d76-9b39-3d50f1a91e66" providerId="ADAL" clId="{372D74D7-F2D8-47F7-AA08-027D8B0796A6}" dt="2022-06-15T21:00:45.424" v="158" actId="790"/>
          <ac:spMkLst>
            <pc:docMk/>
            <pc:sldMk cId="1360696624" sldId="2147328315"/>
            <ac:spMk id="4" creationId="{45A96433-4BA3-417E-940E-B8158A1DF977}"/>
          </ac:spMkLst>
        </pc:spChg>
        <pc:spChg chg="mod">
          <ac:chgData name="Jaroslav Svarc" userId="99620f1e-badf-4d76-9b39-3d50f1a91e66" providerId="ADAL" clId="{372D74D7-F2D8-47F7-AA08-027D8B0796A6}" dt="2022-06-15T21:00:45.426" v="159" actId="790"/>
          <ac:spMkLst>
            <pc:docMk/>
            <pc:sldMk cId="1360696624" sldId="2147328315"/>
            <ac:spMk id="9" creationId="{6DF99186-8721-4D12-BD9C-7E4230C1DCF3}"/>
          </ac:spMkLst>
        </pc:spChg>
        <pc:spChg chg="mod">
          <ac:chgData name="Jaroslav Svarc" userId="99620f1e-badf-4d76-9b39-3d50f1a91e66" providerId="ADAL" clId="{372D74D7-F2D8-47F7-AA08-027D8B0796A6}" dt="2022-06-15T21:00:45.428" v="160" actId="790"/>
          <ac:spMkLst>
            <pc:docMk/>
            <pc:sldMk cId="1360696624" sldId="2147328315"/>
            <ac:spMk id="10" creationId="{BC3F3343-EA43-460A-ABC0-47CF8500CC26}"/>
          </ac:spMkLst>
        </pc:spChg>
        <pc:spChg chg="mod">
          <ac:chgData name="Jaroslav Svarc" userId="99620f1e-badf-4d76-9b39-3d50f1a91e66" providerId="ADAL" clId="{372D74D7-F2D8-47F7-AA08-027D8B0796A6}" dt="2022-06-15T21:00:45.429" v="161" actId="790"/>
          <ac:spMkLst>
            <pc:docMk/>
            <pc:sldMk cId="1360696624" sldId="2147328315"/>
            <ac:spMk id="11" creationId="{00E0508C-E434-49AB-B46A-0DBD19511415}"/>
          </ac:spMkLst>
        </pc:spChg>
        <pc:spChg chg="del mod">
          <ac:chgData name="Jaroslav Svarc" userId="99620f1e-badf-4d76-9b39-3d50f1a91e66" providerId="ADAL" clId="{372D74D7-F2D8-47F7-AA08-027D8B0796A6}" dt="2022-06-15T21:21:51.283" v="682" actId="478"/>
          <ac:spMkLst>
            <pc:docMk/>
            <pc:sldMk cId="1360696624" sldId="2147328315"/>
            <ac:spMk id="17" creationId="{6132C2EB-E1A4-4BE1-B592-850B11DCF3A9}"/>
          </ac:spMkLst>
        </pc:spChg>
        <pc:spChg chg="mod">
          <ac:chgData name="Jaroslav Svarc" userId="99620f1e-badf-4d76-9b39-3d50f1a91e66" providerId="ADAL" clId="{372D74D7-F2D8-47F7-AA08-027D8B0796A6}" dt="2022-06-15T21:00:45.382" v="139"/>
          <ac:spMkLst>
            <pc:docMk/>
            <pc:sldMk cId="1360696624" sldId="2147328315"/>
            <ac:spMk id="20" creationId="{F96D0309-CECD-430D-B83E-B7E97B708A99}"/>
          </ac:spMkLst>
        </pc:spChg>
        <pc:spChg chg="mod">
          <ac:chgData name="Jaroslav Svarc" userId="99620f1e-badf-4d76-9b39-3d50f1a91e66" providerId="ADAL" clId="{372D74D7-F2D8-47F7-AA08-027D8B0796A6}" dt="2022-06-15T21:00:45.383" v="140"/>
          <ac:spMkLst>
            <pc:docMk/>
            <pc:sldMk cId="1360696624" sldId="2147328315"/>
            <ac:spMk id="21" creationId="{7553BDBA-5CB7-4ABE-8968-DBAC611FE326}"/>
          </ac:spMkLst>
        </pc:spChg>
        <pc:spChg chg="mod">
          <ac:chgData name="Jaroslav Svarc" userId="99620f1e-badf-4d76-9b39-3d50f1a91e66" providerId="ADAL" clId="{372D74D7-F2D8-47F7-AA08-027D8B0796A6}" dt="2022-06-15T21:00:45.384" v="141"/>
          <ac:spMkLst>
            <pc:docMk/>
            <pc:sldMk cId="1360696624" sldId="2147328315"/>
            <ac:spMk id="22" creationId="{6FF998C5-5D92-45AB-8D6F-44671385458C}"/>
          </ac:spMkLst>
        </pc:spChg>
        <pc:spChg chg="mod">
          <ac:chgData name="Jaroslav Svarc" userId="99620f1e-badf-4d76-9b39-3d50f1a91e66" providerId="ADAL" clId="{372D74D7-F2D8-47F7-AA08-027D8B0796A6}" dt="2022-06-15T21:00:45.386" v="142"/>
          <ac:spMkLst>
            <pc:docMk/>
            <pc:sldMk cId="1360696624" sldId="2147328315"/>
            <ac:spMk id="23" creationId="{81A23D04-4E24-466E-9BBB-65BB8C568072}"/>
          </ac:spMkLst>
        </pc:spChg>
        <pc:spChg chg="mod">
          <ac:chgData name="Jaroslav Svarc" userId="99620f1e-badf-4d76-9b39-3d50f1a91e66" providerId="ADAL" clId="{372D74D7-F2D8-47F7-AA08-027D8B0796A6}" dt="2022-06-15T21:00:45.388" v="143" actId="790"/>
          <ac:spMkLst>
            <pc:docMk/>
            <pc:sldMk cId="1360696624" sldId="2147328315"/>
            <ac:spMk id="24" creationId="{C48F094A-00C0-4656-8FB5-B8A7A6D71EA7}"/>
          </ac:spMkLst>
        </pc:spChg>
        <pc:spChg chg="mod">
          <ac:chgData name="Jaroslav Svarc" userId="99620f1e-badf-4d76-9b39-3d50f1a91e66" providerId="ADAL" clId="{372D74D7-F2D8-47F7-AA08-027D8B0796A6}" dt="2022-06-15T21:00:45.389" v="144" actId="790"/>
          <ac:spMkLst>
            <pc:docMk/>
            <pc:sldMk cId="1360696624" sldId="2147328315"/>
            <ac:spMk id="25" creationId="{633A6684-0CBE-42D4-A9B1-CB0B18F7257D}"/>
          </ac:spMkLst>
        </pc:spChg>
        <pc:spChg chg="mod">
          <ac:chgData name="Jaroslav Svarc" userId="99620f1e-badf-4d76-9b39-3d50f1a91e66" providerId="ADAL" clId="{372D74D7-F2D8-47F7-AA08-027D8B0796A6}" dt="2022-06-15T21:00:45.393" v="145"/>
          <ac:spMkLst>
            <pc:docMk/>
            <pc:sldMk cId="1360696624" sldId="2147328315"/>
            <ac:spMk id="26" creationId="{642145BD-9F76-4208-8569-5DB4848F5AC6}"/>
          </ac:spMkLst>
        </pc:spChg>
        <pc:spChg chg="mod">
          <ac:chgData name="Jaroslav Svarc" userId="99620f1e-badf-4d76-9b39-3d50f1a91e66" providerId="ADAL" clId="{372D74D7-F2D8-47F7-AA08-027D8B0796A6}" dt="2022-06-15T21:00:45.397" v="146"/>
          <ac:spMkLst>
            <pc:docMk/>
            <pc:sldMk cId="1360696624" sldId="2147328315"/>
            <ac:spMk id="27" creationId="{C776C691-4E43-4C6F-BE6F-FF26EA18B790}"/>
          </ac:spMkLst>
        </pc:spChg>
        <pc:spChg chg="mod">
          <ac:chgData name="Jaroslav Svarc" userId="99620f1e-badf-4d76-9b39-3d50f1a91e66" providerId="ADAL" clId="{372D74D7-F2D8-47F7-AA08-027D8B0796A6}" dt="2022-06-15T21:00:45.399" v="147" actId="790"/>
          <ac:spMkLst>
            <pc:docMk/>
            <pc:sldMk cId="1360696624" sldId="2147328315"/>
            <ac:spMk id="30" creationId="{F2A81F04-381B-4D69-B833-3AF3F7861431}"/>
          </ac:spMkLst>
        </pc:spChg>
        <pc:spChg chg="mod">
          <ac:chgData name="Jaroslav Svarc" userId="99620f1e-badf-4d76-9b39-3d50f1a91e66" providerId="ADAL" clId="{372D74D7-F2D8-47F7-AA08-027D8B0796A6}" dt="2022-06-15T21:00:45.400" v="148"/>
          <ac:spMkLst>
            <pc:docMk/>
            <pc:sldMk cId="1360696624" sldId="2147328315"/>
            <ac:spMk id="32" creationId="{75562137-AC20-4FFE-AEC3-A357B825B433}"/>
          </ac:spMkLst>
        </pc:spChg>
        <pc:spChg chg="mod">
          <ac:chgData name="Jaroslav Svarc" userId="99620f1e-badf-4d76-9b39-3d50f1a91e66" providerId="ADAL" clId="{372D74D7-F2D8-47F7-AA08-027D8B0796A6}" dt="2022-06-15T21:00:45.402" v="149"/>
          <ac:spMkLst>
            <pc:docMk/>
            <pc:sldMk cId="1360696624" sldId="2147328315"/>
            <ac:spMk id="35" creationId="{D9E35CCD-B4E8-4B2A-9147-C0E4671681DC}"/>
          </ac:spMkLst>
        </pc:spChg>
        <pc:spChg chg="mod">
          <ac:chgData name="Jaroslav Svarc" userId="99620f1e-badf-4d76-9b39-3d50f1a91e66" providerId="ADAL" clId="{372D74D7-F2D8-47F7-AA08-027D8B0796A6}" dt="2022-06-15T21:00:45.403" v="150"/>
          <ac:spMkLst>
            <pc:docMk/>
            <pc:sldMk cId="1360696624" sldId="2147328315"/>
            <ac:spMk id="43" creationId="{967C752D-FBC2-4432-8F5C-318FF3A71BF0}"/>
          </ac:spMkLst>
        </pc:spChg>
        <pc:spChg chg="mod">
          <ac:chgData name="Jaroslav Svarc" userId="99620f1e-badf-4d76-9b39-3d50f1a91e66" providerId="ADAL" clId="{372D74D7-F2D8-47F7-AA08-027D8B0796A6}" dt="2022-06-15T21:00:45.404" v="151"/>
          <ac:spMkLst>
            <pc:docMk/>
            <pc:sldMk cId="1360696624" sldId="2147328315"/>
            <ac:spMk id="44" creationId="{2A20A176-AC22-4398-AF03-691065B0376B}"/>
          </ac:spMkLst>
        </pc:spChg>
        <pc:spChg chg="mod">
          <ac:chgData name="Jaroslav Svarc" userId="99620f1e-badf-4d76-9b39-3d50f1a91e66" providerId="ADAL" clId="{372D74D7-F2D8-47F7-AA08-027D8B0796A6}" dt="2022-06-15T21:00:45.405" v="152"/>
          <ac:spMkLst>
            <pc:docMk/>
            <pc:sldMk cId="1360696624" sldId="2147328315"/>
            <ac:spMk id="45" creationId="{7F33ADB6-8661-4601-8CCE-0AE31DA35E8E}"/>
          </ac:spMkLst>
        </pc:spChg>
        <pc:spChg chg="mod">
          <ac:chgData name="Jaroslav Svarc" userId="99620f1e-badf-4d76-9b39-3d50f1a91e66" providerId="ADAL" clId="{372D74D7-F2D8-47F7-AA08-027D8B0796A6}" dt="2022-06-15T21:00:45.407" v="153" actId="790"/>
          <ac:spMkLst>
            <pc:docMk/>
            <pc:sldMk cId="1360696624" sldId="2147328315"/>
            <ac:spMk id="46" creationId="{0DD75498-EC5C-47DF-949C-2BDA615859BD}"/>
          </ac:spMkLst>
        </pc:spChg>
        <pc:spChg chg="mod">
          <ac:chgData name="Jaroslav Svarc" userId="99620f1e-badf-4d76-9b39-3d50f1a91e66" providerId="ADAL" clId="{372D74D7-F2D8-47F7-AA08-027D8B0796A6}" dt="2022-06-15T21:00:45.408" v="154" actId="790"/>
          <ac:spMkLst>
            <pc:docMk/>
            <pc:sldMk cId="1360696624" sldId="2147328315"/>
            <ac:spMk id="47" creationId="{CB1F600D-5506-4A07-891D-124554BDDEB1}"/>
          </ac:spMkLst>
        </pc:spChg>
        <pc:spChg chg="mod">
          <ac:chgData name="Jaroslav Svarc" userId="99620f1e-badf-4d76-9b39-3d50f1a91e66" providerId="ADAL" clId="{372D74D7-F2D8-47F7-AA08-027D8B0796A6}" dt="2022-06-15T21:00:45.409" v="155"/>
          <ac:spMkLst>
            <pc:docMk/>
            <pc:sldMk cId="1360696624" sldId="2147328315"/>
            <ac:spMk id="48" creationId="{C84DFF55-CB4E-44F7-BD10-DE2A8203DA7A}"/>
          </ac:spMkLst>
        </pc:spChg>
        <pc:spChg chg="mod">
          <ac:chgData name="Jaroslav Svarc" userId="99620f1e-badf-4d76-9b39-3d50f1a91e66" providerId="ADAL" clId="{372D74D7-F2D8-47F7-AA08-027D8B0796A6}" dt="2022-06-15T21:00:45.413" v="156"/>
          <ac:spMkLst>
            <pc:docMk/>
            <pc:sldMk cId="1360696624" sldId="2147328315"/>
            <ac:spMk id="50" creationId="{4F3B0E34-CA30-4C29-A690-05B36E5CE564}"/>
          </ac:spMkLst>
        </pc:spChg>
        <pc:spChg chg="mod">
          <ac:chgData name="Jaroslav Svarc" userId="99620f1e-badf-4d76-9b39-3d50f1a91e66" providerId="ADAL" clId="{372D74D7-F2D8-47F7-AA08-027D8B0796A6}" dt="2022-06-15T21:00:45.423" v="157" actId="790"/>
          <ac:spMkLst>
            <pc:docMk/>
            <pc:sldMk cId="1360696624" sldId="2147328315"/>
            <ac:spMk id="51" creationId="{84BAC85E-5986-490C-87E1-E9A8A12E73EE}"/>
          </ac:spMkLst>
        </pc:spChg>
        <pc:spChg chg="mod">
          <ac:chgData name="Jaroslav Svarc" userId="99620f1e-badf-4d76-9b39-3d50f1a91e66" providerId="ADAL" clId="{372D74D7-F2D8-47F7-AA08-027D8B0796A6}" dt="2022-06-15T21:00:45.430" v="162"/>
          <ac:spMkLst>
            <pc:docMk/>
            <pc:sldMk cId="1360696624" sldId="2147328315"/>
            <ac:spMk id="58" creationId="{B248EE15-B079-4E9A-8193-F6951CC6062D}"/>
          </ac:spMkLst>
        </pc:spChg>
        <pc:spChg chg="mod">
          <ac:chgData name="Jaroslav Svarc" userId="99620f1e-badf-4d76-9b39-3d50f1a91e66" providerId="ADAL" clId="{372D74D7-F2D8-47F7-AA08-027D8B0796A6}" dt="2022-06-15T21:00:45.431" v="163"/>
          <ac:spMkLst>
            <pc:docMk/>
            <pc:sldMk cId="1360696624" sldId="2147328315"/>
            <ac:spMk id="59" creationId="{4D2ED528-63FF-4E1E-AC91-944C516E580F}"/>
          </ac:spMkLst>
        </pc:spChg>
      </pc:sldChg>
      <pc:sldChg chg="modSp mod">
        <pc:chgData name="Jaroslav Svarc" userId="99620f1e-badf-4d76-9b39-3d50f1a91e66" providerId="ADAL" clId="{372D74D7-F2D8-47F7-AA08-027D8B0796A6}" dt="2022-06-15T21:00:45.321" v="108" actId="790"/>
        <pc:sldMkLst>
          <pc:docMk/>
          <pc:sldMk cId="3079606689" sldId="2147328325"/>
        </pc:sldMkLst>
        <pc:spChg chg="mod">
          <ac:chgData name="Jaroslav Svarc" userId="99620f1e-badf-4d76-9b39-3d50f1a91e66" providerId="ADAL" clId="{372D74D7-F2D8-47F7-AA08-027D8B0796A6}" dt="2022-06-15T21:00:45.248" v="93" actId="790"/>
          <ac:spMkLst>
            <pc:docMk/>
            <pc:sldMk cId="3079606689" sldId="2147328325"/>
            <ac:spMk id="3" creationId="{7185C712-B522-492E-A4D1-5BD222AB9518}"/>
          </ac:spMkLst>
        </pc:spChg>
        <pc:spChg chg="mod">
          <ac:chgData name="Jaroslav Svarc" userId="99620f1e-badf-4d76-9b39-3d50f1a91e66" providerId="ADAL" clId="{372D74D7-F2D8-47F7-AA08-027D8B0796A6}" dt="2022-06-15T21:00:45.270" v="94" actId="790"/>
          <ac:spMkLst>
            <pc:docMk/>
            <pc:sldMk cId="3079606689" sldId="2147328325"/>
            <ac:spMk id="4" creationId="{D774E4E8-1897-40F2-92C2-8DFCEF4DBAF3}"/>
          </ac:spMkLst>
        </pc:spChg>
        <pc:spChg chg="mod">
          <ac:chgData name="Jaroslav Svarc" userId="99620f1e-badf-4d76-9b39-3d50f1a91e66" providerId="ADAL" clId="{372D74D7-F2D8-47F7-AA08-027D8B0796A6}" dt="2022-06-15T21:00:45.295" v="96" actId="790"/>
          <ac:spMkLst>
            <pc:docMk/>
            <pc:sldMk cId="3079606689" sldId="2147328325"/>
            <ac:spMk id="25" creationId="{F132365E-E800-4445-AFF7-6ACE4BDB8CE3}"/>
          </ac:spMkLst>
        </pc:spChg>
        <pc:spChg chg="mod">
          <ac:chgData name="Jaroslav Svarc" userId="99620f1e-badf-4d76-9b39-3d50f1a91e66" providerId="ADAL" clId="{372D74D7-F2D8-47F7-AA08-027D8B0796A6}" dt="2022-06-15T21:00:45.296" v="97" actId="790"/>
          <ac:spMkLst>
            <pc:docMk/>
            <pc:sldMk cId="3079606689" sldId="2147328325"/>
            <ac:spMk id="26" creationId="{C3B135F2-2A89-40D6-9DF8-3B3AF14E4D73}"/>
          </ac:spMkLst>
        </pc:spChg>
        <pc:spChg chg="mod">
          <ac:chgData name="Jaroslav Svarc" userId="99620f1e-badf-4d76-9b39-3d50f1a91e66" providerId="ADAL" clId="{372D74D7-F2D8-47F7-AA08-027D8B0796A6}" dt="2022-06-15T21:00:45.299" v="99"/>
          <ac:spMkLst>
            <pc:docMk/>
            <pc:sldMk cId="3079606689" sldId="2147328325"/>
            <ac:spMk id="48" creationId="{EA109DF3-3D8B-435C-8C4E-DBAE33FAE749}"/>
          </ac:spMkLst>
        </pc:spChg>
        <pc:spChg chg="mod">
          <ac:chgData name="Jaroslav Svarc" userId="99620f1e-badf-4d76-9b39-3d50f1a91e66" providerId="ADAL" clId="{372D74D7-F2D8-47F7-AA08-027D8B0796A6}" dt="2022-06-15T21:00:45.292" v="95" actId="790"/>
          <ac:spMkLst>
            <pc:docMk/>
            <pc:sldMk cId="3079606689" sldId="2147328325"/>
            <ac:spMk id="51" creationId="{6F9B6268-90B0-404A-8E11-046FA810DD26}"/>
          </ac:spMkLst>
        </pc:spChg>
        <pc:spChg chg="mod">
          <ac:chgData name="Jaroslav Svarc" userId="99620f1e-badf-4d76-9b39-3d50f1a91e66" providerId="ADAL" clId="{372D74D7-F2D8-47F7-AA08-027D8B0796A6}" dt="2022-06-15T21:00:45.318" v="107" actId="790"/>
          <ac:spMkLst>
            <pc:docMk/>
            <pc:sldMk cId="3079606689" sldId="2147328325"/>
            <ac:spMk id="53" creationId="{7C7C07B8-4E4A-44AE-970D-F9E7B7D48C49}"/>
          </ac:spMkLst>
        </pc:spChg>
        <pc:spChg chg="mod">
          <ac:chgData name="Jaroslav Svarc" userId="99620f1e-badf-4d76-9b39-3d50f1a91e66" providerId="ADAL" clId="{372D74D7-F2D8-47F7-AA08-027D8B0796A6}" dt="2022-06-15T21:00:45.321" v="108" actId="790"/>
          <ac:spMkLst>
            <pc:docMk/>
            <pc:sldMk cId="3079606689" sldId="2147328325"/>
            <ac:spMk id="54" creationId="{6E005971-20E3-4B44-9B50-89FEA07CA863}"/>
          </ac:spMkLst>
        </pc:spChg>
        <pc:spChg chg="mod">
          <ac:chgData name="Jaroslav Svarc" userId="99620f1e-badf-4d76-9b39-3d50f1a91e66" providerId="ADAL" clId="{372D74D7-F2D8-47F7-AA08-027D8B0796A6}" dt="2022-06-15T21:00:45.303" v="101" actId="790"/>
          <ac:spMkLst>
            <pc:docMk/>
            <pc:sldMk cId="3079606689" sldId="2147328325"/>
            <ac:spMk id="55" creationId="{B59F20E0-84BB-49E5-9561-9235CAF404E7}"/>
          </ac:spMkLst>
        </pc:spChg>
        <pc:spChg chg="mod">
          <ac:chgData name="Jaroslav Svarc" userId="99620f1e-badf-4d76-9b39-3d50f1a91e66" providerId="ADAL" clId="{372D74D7-F2D8-47F7-AA08-027D8B0796A6}" dt="2022-06-15T21:00:45.246" v="92" actId="790"/>
          <ac:spMkLst>
            <pc:docMk/>
            <pc:sldMk cId="3079606689" sldId="2147328325"/>
            <ac:spMk id="56" creationId="{B838C6A2-372E-497C-BD98-5CBBDA334053}"/>
          </ac:spMkLst>
        </pc:spChg>
        <pc:spChg chg="mod">
          <ac:chgData name="Jaroslav Svarc" userId="99620f1e-badf-4d76-9b39-3d50f1a91e66" providerId="ADAL" clId="{372D74D7-F2D8-47F7-AA08-027D8B0796A6}" dt="2022-06-15T21:00:45.298" v="98" actId="790"/>
          <ac:spMkLst>
            <pc:docMk/>
            <pc:sldMk cId="3079606689" sldId="2147328325"/>
            <ac:spMk id="57" creationId="{CA8146C8-DD1B-4803-BFEF-C3381243CE00}"/>
          </ac:spMkLst>
        </pc:spChg>
        <pc:spChg chg="mod">
          <ac:chgData name="Jaroslav Svarc" userId="99620f1e-badf-4d76-9b39-3d50f1a91e66" providerId="ADAL" clId="{372D74D7-F2D8-47F7-AA08-027D8B0796A6}" dt="2022-06-15T21:00:45.244" v="91" actId="790"/>
          <ac:spMkLst>
            <pc:docMk/>
            <pc:sldMk cId="3079606689" sldId="2147328325"/>
            <ac:spMk id="59" creationId="{FBDBE358-D9F3-4828-98F5-0A5DE92E39F8}"/>
          </ac:spMkLst>
        </pc:spChg>
        <pc:spChg chg="mod">
          <ac:chgData name="Jaroslav Svarc" userId="99620f1e-badf-4d76-9b39-3d50f1a91e66" providerId="ADAL" clId="{372D74D7-F2D8-47F7-AA08-027D8B0796A6}" dt="2022-06-15T21:00:45.301" v="100" actId="790"/>
          <ac:spMkLst>
            <pc:docMk/>
            <pc:sldMk cId="3079606689" sldId="2147328325"/>
            <ac:spMk id="74" creationId="{9167A795-68B5-4620-B1F4-17739D290829}"/>
          </ac:spMkLst>
        </pc:spChg>
        <pc:spChg chg="mod">
          <ac:chgData name="Jaroslav Svarc" userId="99620f1e-badf-4d76-9b39-3d50f1a91e66" providerId="ADAL" clId="{372D74D7-F2D8-47F7-AA08-027D8B0796A6}" dt="2022-06-15T21:00:45.305" v="102" actId="790"/>
          <ac:spMkLst>
            <pc:docMk/>
            <pc:sldMk cId="3079606689" sldId="2147328325"/>
            <ac:spMk id="76" creationId="{B57101CB-E799-4212-B5CC-E5518F180164}"/>
          </ac:spMkLst>
        </pc:spChg>
        <pc:spChg chg="mod">
          <ac:chgData name="Jaroslav Svarc" userId="99620f1e-badf-4d76-9b39-3d50f1a91e66" providerId="ADAL" clId="{372D74D7-F2D8-47F7-AA08-027D8B0796A6}" dt="2022-06-15T21:00:45.307" v="103" actId="790"/>
          <ac:spMkLst>
            <pc:docMk/>
            <pc:sldMk cId="3079606689" sldId="2147328325"/>
            <ac:spMk id="77" creationId="{4BC2CD86-DD83-4566-907E-ADBEB6624238}"/>
          </ac:spMkLst>
        </pc:spChg>
        <pc:spChg chg="mod">
          <ac:chgData name="Jaroslav Svarc" userId="99620f1e-badf-4d76-9b39-3d50f1a91e66" providerId="ADAL" clId="{372D74D7-F2D8-47F7-AA08-027D8B0796A6}" dt="2022-06-15T21:00:45.309" v="104" actId="790"/>
          <ac:spMkLst>
            <pc:docMk/>
            <pc:sldMk cId="3079606689" sldId="2147328325"/>
            <ac:spMk id="82" creationId="{BF68D0F7-531B-4FF1-A525-8B56FA12905B}"/>
          </ac:spMkLst>
        </pc:spChg>
        <pc:spChg chg="mod">
          <ac:chgData name="Jaroslav Svarc" userId="99620f1e-badf-4d76-9b39-3d50f1a91e66" providerId="ADAL" clId="{372D74D7-F2D8-47F7-AA08-027D8B0796A6}" dt="2022-06-15T21:00:45.310" v="105" actId="790"/>
          <ac:spMkLst>
            <pc:docMk/>
            <pc:sldMk cId="3079606689" sldId="2147328325"/>
            <ac:spMk id="83" creationId="{C2795FCF-E890-419A-9250-A8CE8C0E6BCB}"/>
          </ac:spMkLst>
        </pc:spChg>
        <pc:spChg chg="mod">
          <ac:chgData name="Jaroslav Svarc" userId="99620f1e-badf-4d76-9b39-3d50f1a91e66" providerId="ADAL" clId="{372D74D7-F2D8-47F7-AA08-027D8B0796A6}" dt="2022-06-15T21:00:45.316" v="106" actId="790"/>
          <ac:spMkLst>
            <pc:docMk/>
            <pc:sldMk cId="3079606689" sldId="2147328325"/>
            <ac:spMk id="88" creationId="{1E5C2EB7-FB21-48EB-8D97-78A2D1214966}"/>
          </ac:spMkLst>
        </pc:spChg>
      </pc:sldChg>
      <pc:sldChg chg="addSp delSp modSp mod">
        <pc:chgData name="Jaroslav Svarc" userId="99620f1e-badf-4d76-9b39-3d50f1a91e66" providerId="ADAL" clId="{372D74D7-F2D8-47F7-AA08-027D8B0796A6}" dt="2022-06-15T21:21:18.822" v="681" actId="1076"/>
        <pc:sldMkLst>
          <pc:docMk/>
          <pc:sldMk cId="3288891976" sldId="2147328326"/>
        </pc:sldMkLst>
        <pc:spChg chg="mod">
          <ac:chgData name="Jaroslav Svarc" userId="99620f1e-badf-4d76-9b39-3d50f1a91e66" providerId="ADAL" clId="{372D74D7-F2D8-47F7-AA08-027D8B0796A6}" dt="2022-06-15T21:00:45.513" v="207" actId="790"/>
          <ac:spMkLst>
            <pc:docMk/>
            <pc:sldMk cId="3288891976" sldId="2147328326"/>
            <ac:spMk id="7" creationId="{13A14D54-489E-414A-94EB-83F41A316755}"/>
          </ac:spMkLst>
        </pc:spChg>
        <pc:spChg chg="mod">
          <ac:chgData name="Jaroslav Svarc" userId="99620f1e-badf-4d76-9b39-3d50f1a91e66" providerId="ADAL" clId="{372D74D7-F2D8-47F7-AA08-027D8B0796A6}" dt="2022-06-15T21:00:45.504" v="201" actId="790"/>
          <ac:spMkLst>
            <pc:docMk/>
            <pc:sldMk cId="3288891976" sldId="2147328326"/>
            <ac:spMk id="10" creationId="{BC3F3343-EA43-460A-ABC0-47CF8500CC26}"/>
          </ac:spMkLst>
        </pc:spChg>
        <pc:spChg chg="mod">
          <ac:chgData name="Jaroslav Svarc" userId="99620f1e-badf-4d76-9b39-3d50f1a91e66" providerId="ADAL" clId="{372D74D7-F2D8-47F7-AA08-027D8B0796A6}" dt="2022-06-15T21:00:45.506" v="202" actId="790"/>
          <ac:spMkLst>
            <pc:docMk/>
            <pc:sldMk cId="3288891976" sldId="2147328326"/>
            <ac:spMk id="11" creationId="{00E0508C-E434-49AB-B46A-0DBD19511415}"/>
          </ac:spMkLst>
        </pc:spChg>
        <pc:spChg chg="mod">
          <ac:chgData name="Jaroslav Svarc" userId="99620f1e-badf-4d76-9b39-3d50f1a91e66" providerId="ADAL" clId="{372D74D7-F2D8-47F7-AA08-027D8B0796A6}" dt="2022-06-15T21:00:45.517" v="211" actId="790"/>
          <ac:spMkLst>
            <pc:docMk/>
            <pc:sldMk cId="3288891976" sldId="2147328326"/>
            <ac:spMk id="15" creationId="{23BF450F-50B4-42B1-B284-DEEB789EEEE6}"/>
          </ac:spMkLst>
        </pc:spChg>
        <pc:spChg chg="mod">
          <ac:chgData name="Jaroslav Svarc" userId="99620f1e-badf-4d76-9b39-3d50f1a91e66" providerId="ADAL" clId="{372D74D7-F2D8-47F7-AA08-027D8B0796A6}" dt="2022-06-15T21:00:45.521" v="213" actId="790"/>
          <ac:spMkLst>
            <pc:docMk/>
            <pc:sldMk cId="3288891976" sldId="2147328326"/>
            <ac:spMk id="16" creationId="{E05360ED-2637-4439-9984-205F407EF49E}"/>
          </ac:spMkLst>
        </pc:spChg>
        <pc:spChg chg="mod">
          <ac:chgData name="Jaroslav Svarc" userId="99620f1e-badf-4d76-9b39-3d50f1a91e66" providerId="ADAL" clId="{372D74D7-F2D8-47F7-AA08-027D8B0796A6}" dt="2022-06-15T21:19:20.438" v="672" actId="14100"/>
          <ac:spMkLst>
            <pc:docMk/>
            <pc:sldMk cId="3288891976" sldId="2147328326"/>
            <ac:spMk id="18" creationId="{C47B83FB-FB12-4295-A171-07D7AB58603B}"/>
          </ac:spMkLst>
        </pc:spChg>
        <pc:spChg chg="mod">
          <ac:chgData name="Jaroslav Svarc" userId="99620f1e-badf-4d76-9b39-3d50f1a91e66" providerId="ADAL" clId="{372D74D7-F2D8-47F7-AA08-027D8B0796A6}" dt="2022-06-15T21:00:45.480" v="188"/>
          <ac:spMkLst>
            <pc:docMk/>
            <pc:sldMk cId="3288891976" sldId="2147328326"/>
            <ac:spMk id="22" creationId="{6FF998C5-5D92-45AB-8D6F-44671385458C}"/>
          </ac:spMkLst>
        </pc:spChg>
        <pc:spChg chg="del mod">
          <ac:chgData name="Jaroslav Svarc" userId="99620f1e-badf-4d76-9b39-3d50f1a91e66" providerId="ADAL" clId="{372D74D7-F2D8-47F7-AA08-027D8B0796A6}" dt="2022-06-15T21:13:22.775" v="643" actId="478"/>
          <ac:spMkLst>
            <pc:docMk/>
            <pc:sldMk cId="3288891976" sldId="2147328326"/>
            <ac:spMk id="23" creationId="{81A23D04-4E24-466E-9BBB-65BB8C568072}"/>
          </ac:spMkLst>
        </pc:spChg>
        <pc:spChg chg="del mod">
          <ac:chgData name="Jaroslav Svarc" userId="99620f1e-badf-4d76-9b39-3d50f1a91e66" providerId="ADAL" clId="{372D74D7-F2D8-47F7-AA08-027D8B0796A6}" dt="2022-06-15T21:13:18.454" v="642" actId="478"/>
          <ac:spMkLst>
            <pc:docMk/>
            <pc:sldMk cId="3288891976" sldId="2147328326"/>
            <ac:spMk id="26" creationId="{642145BD-9F76-4208-8569-5DB4848F5AC6}"/>
          </ac:spMkLst>
        </pc:spChg>
        <pc:spChg chg="del mod">
          <ac:chgData name="Jaroslav Svarc" userId="99620f1e-badf-4d76-9b39-3d50f1a91e66" providerId="ADAL" clId="{372D74D7-F2D8-47F7-AA08-027D8B0796A6}" dt="2022-06-15T21:13:18.454" v="642" actId="478"/>
          <ac:spMkLst>
            <pc:docMk/>
            <pc:sldMk cId="3288891976" sldId="2147328326"/>
            <ac:spMk id="27" creationId="{C776C691-4E43-4C6F-BE6F-FF26EA18B790}"/>
          </ac:spMkLst>
        </pc:spChg>
        <pc:spChg chg="mod">
          <ac:chgData name="Jaroslav Svarc" userId="99620f1e-badf-4d76-9b39-3d50f1a91e66" providerId="ADAL" clId="{372D74D7-F2D8-47F7-AA08-027D8B0796A6}" dt="2022-06-15T21:00:45.490" v="192" actId="790"/>
          <ac:spMkLst>
            <pc:docMk/>
            <pc:sldMk cId="3288891976" sldId="2147328326"/>
            <ac:spMk id="30" creationId="{F2A81F04-381B-4D69-B833-3AF3F7861431}"/>
          </ac:spMkLst>
        </pc:spChg>
        <pc:spChg chg="mod">
          <ac:chgData name="Jaroslav Svarc" userId="99620f1e-badf-4d76-9b39-3d50f1a91e66" providerId="ADAL" clId="{372D74D7-F2D8-47F7-AA08-027D8B0796A6}" dt="2022-06-15T21:00:45.490" v="193"/>
          <ac:spMkLst>
            <pc:docMk/>
            <pc:sldMk cId="3288891976" sldId="2147328326"/>
            <ac:spMk id="32" creationId="{75562137-AC20-4FFE-AEC3-A357B825B433}"/>
          </ac:spMkLst>
        </pc:spChg>
        <pc:spChg chg="mod">
          <ac:chgData name="Jaroslav Svarc" userId="99620f1e-badf-4d76-9b39-3d50f1a91e66" providerId="ADAL" clId="{372D74D7-F2D8-47F7-AA08-027D8B0796A6}" dt="2022-06-15T21:00:45.492" v="194"/>
          <ac:spMkLst>
            <pc:docMk/>
            <pc:sldMk cId="3288891976" sldId="2147328326"/>
            <ac:spMk id="35" creationId="{D9E35CCD-B4E8-4B2A-9147-C0E4671681DC}"/>
          </ac:spMkLst>
        </pc:spChg>
        <pc:spChg chg="mod">
          <ac:chgData name="Jaroslav Svarc" userId="99620f1e-badf-4d76-9b39-3d50f1a91e66" providerId="ADAL" clId="{372D74D7-F2D8-47F7-AA08-027D8B0796A6}" dt="2022-06-15T21:00:45.493" v="195"/>
          <ac:spMkLst>
            <pc:docMk/>
            <pc:sldMk cId="3288891976" sldId="2147328326"/>
            <ac:spMk id="43" creationId="{967C752D-FBC2-4432-8F5C-318FF3A71BF0}"/>
          </ac:spMkLst>
        </pc:spChg>
        <pc:spChg chg="add mod">
          <ac:chgData name="Jaroslav Svarc" userId="99620f1e-badf-4d76-9b39-3d50f1a91e66" providerId="ADAL" clId="{372D74D7-F2D8-47F7-AA08-027D8B0796A6}" dt="2022-06-15T21:03:56.083" v="561" actId="1076"/>
          <ac:spMkLst>
            <pc:docMk/>
            <pc:sldMk cId="3288891976" sldId="2147328326"/>
            <ac:spMk id="44" creationId="{EBB632CF-8B7F-4E35-98BE-DBDF478B5FE7}"/>
          </ac:spMkLst>
        </pc:spChg>
        <pc:spChg chg="mod">
          <ac:chgData name="Jaroslav Svarc" userId="99620f1e-badf-4d76-9b39-3d50f1a91e66" providerId="ADAL" clId="{372D74D7-F2D8-47F7-AA08-027D8B0796A6}" dt="2022-06-15T21:00:45.494" v="196"/>
          <ac:spMkLst>
            <pc:docMk/>
            <pc:sldMk cId="3288891976" sldId="2147328326"/>
            <ac:spMk id="45" creationId="{7F33ADB6-8661-4601-8CCE-0AE31DA35E8E}"/>
          </ac:spMkLst>
        </pc:spChg>
        <pc:spChg chg="mod">
          <ac:chgData name="Jaroslav Svarc" userId="99620f1e-badf-4d76-9b39-3d50f1a91e66" providerId="ADAL" clId="{372D74D7-F2D8-47F7-AA08-027D8B0796A6}" dt="2022-06-15T21:00:45.495" v="197" actId="790"/>
          <ac:spMkLst>
            <pc:docMk/>
            <pc:sldMk cId="3288891976" sldId="2147328326"/>
            <ac:spMk id="46" creationId="{0DD75498-EC5C-47DF-949C-2BDA615859BD}"/>
          </ac:spMkLst>
        </pc:spChg>
        <pc:spChg chg="mod">
          <ac:chgData name="Jaroslav Svarc" userId="99620f1e-badf-4d76-9b39-3d50f1a91e66" providerId="ADAL" clId="{372D74D7-F2D8-47F7-AA08-027D8B0796A6}" dt="2022-06-15T21:00:45.497" v="198" actId="790"/>
          <ac:spMkLst>
            <pc:docMk/>
            <pc:sldMk cId="3288891976" sldId="2147328326"/>
            <ac:spMk id="47" creationId="{CB1F600D-5506-4A07-891D-124554BDDEB1}"/>
          </ac:spMkLst>
        </pc:spChg>
        <pc:spChg chg="mod">
          <ac:chgData name="Jaroslav Svarc" userId="99620f1e-badf-4d76-9b39-3d50f1a91e66" providerId="ADAL" clId="{372D74D7-F2D8-47F7-AA08-027D8B0796A6}" dt="2022-06-15T21:00:45.498" v="199"/>
          <ac:spMkLst>
            <pc:docMk/>
            <pc:sldMk cId="3288891976" sldId="2147328326"/>
            <ac:spMk id="48" creationId="{C84DFF55-CB4E-44F7-BD10-DE2A8203DA7A}"/>
          </ac:spMkLst>
        </pc:spChg>
        <pc:spChg chg="mod">
          <ac:chgData name="Jaroslav Svarc" userId="99620f1e-badf-4d76-9b39-3d50f1a91e66" providerId="ADAL" clId="{372D74D7-F2D8-47F7-AA08-027D8B0796A6}" dt="2022-06-15T21:00:45.502" v="200"/>
          <ac:spMkLst>
            <pc:docMk/>
            <pc:sldMk cId="3288891976" sldId="2147328326"/>
            <ac:spMk id="50" creationId="{4F3B0E34-CA30-4C29-A690-05B36E5CE564}"/>
          </ac:spMkLst>
        </pc:spChg>
        <pc:spChg chg="add mod">
          <ac:chgData name="Jaroslav Svarc" userId="99620f1e-badf-4d76-9b39-3d50f1a91e66" providerId="ADAL" clId="{372D74D7-F2D8-47F7-AA08-027D8B0796A6}" dt="2022-06-15T21:14:13.719" v="647" actId="1076"/>
          <ac:spMkLst>
            <pc:docMk/>
            <pc:sldMk cId="3288891976" sldId="2147328326"/>
            <ac:spMk id="51" creationId="{4BB9BC04-9B34-482B-AA5F-8A41A95FDC88}"/>
          </ac:spMkLst>
        </pc:spChg>
        <pc:spChg chg="mod">
          <ac:chgData name="Jaroslav Svarc" userId="99620f1e-badf-4d76-9b39-3d50f1a91e66" providerId="ADAL" clId="{372D74D7-F2D8-47F7-AA08-027D8B0796A6}" dt="2022-06-15T21:00:45.509" v="205"/>
          <ac:spMkLst>
            <pc:docMk/>
            <pc:sldMk cId="3288891976" sldId="2147328326"/>
            <ac:spMk id="52" creationId="{50122E98-DCEA-424D-947D-C46AAEDD93C0}"/>
          </ac:spMkLst>
        </pc:spChg>
        <pc:spChg chg="mod">
          <ac:chgData name="Jaroslav Svarc" userId="99620f1e-badf-4d76-9b39-3d50f1a91e66" providerId="ADAL" clId="{372D74D7-F2D8-47F7-AA08-027D8B0796A6}" dt="2022-06-15T21:00:45.510" v="206"/>
          <ac:spMkLst>
            <pc:docMk/>
            <pc:sldMk cId="3288891976" sldId="2147328326"/>
            <ac:spMk id="53" creationId="{1F2EE621-3092-42FE-8299-61CFCDA08C08}"/>
          </ac:spMkLst>
        </pc:spChg>
        <pc:spChg chg="mod">
          <ac:chgData name="Jaroslav Svarc" userId="99620f1e-badf-4d76-9b39-3d50f1a91e66" providerId="ADAL" clId="{372D74D7-F2D8-47F7-AA08-027D8B0796A6}" dt="2022-06-15T21:00:45.513" v="208"/>
          <ac:spMkLst>
            <pc:docMk/>
            <pc:sldMk cId="3288891976" sldId="2147328326"/>
            <ac:spMk id="55" creationId="{7FDBA61D-68DB-45A2-81A0-F53A512457A2}"/>
          </ac:spMkLst>
        </pc:spChg>
        <pc:spChg chg="mod">
          <ac:chgData name="Jaroslav Svarc" userId="99620f1e-badf-4d76-9b39-3d50f1a91e66" providerId="ADAL" clId="{372D74D7-F2D8-47F7-AA08-027D8B0796A6}" dt="2022-06-15T21:00:45.514" v="209"/>
          <ac:spMkLst>
            <pc:docMk/>
            <pc:sldMk cId="3288891976" sldId="2147328326"/>
            <ac:spMk id="56" creationId="{42CB2CB1-31C6-4C88-84F0-48C55F4BC713}"/>
          </ac:spMkLst>
        </pc:spChg>
        <pc:spChg chg="mod">
          <ac:chgData name="Jaroslav Svarc" userId="99620f1e-badf-4d76-9b39-3d50f1a91e66" providerId="ADAL" clId="{372D74D7-F2D8-47F7-AA08-027D8B0796A6}" dt="2022-06-15T21:00:45.508" v="203"/>
          <ac:spMkLst>
            <pc:docMk/>
            <pc:sldMk cId="3288891976" sldId="2147328326"/>
            <ac:spMk id="58" creationId="{B248EE15-B079-4E9A-8193-F6951CC6062D}"/>
          </ac:spMkLst>
        </pc:spChg>
        <pc:spChg chg="mod">
          <ac:chgData name="Jaroslav Svarc" userId="99620f1e-badf-4d76-9b39-3d50f1a91e66" providerId="ADAL" clId="{372D74D7-F2D8-47F7-AA08-027D8B0796A6}" dt="2022-06-15T21:00:45.508" v="204"/>
          <ac:spMkLst>
            <pc:docMk/>
            <pc:sldMk cId="3288891976" sldId="2147328326"/>
            <ac:spMk id="59" creationId="{4D2ED528-63FF-4E1E-AC91-944C516E580F}"/>
          </ac:spMkLst>
        </pc:spChg>
        <pc:spChg chg="mod">
          <ac:chgData name="Jaroslav Svarc" userId="99620f1e-badf-4d76-9b39-3d50f1a91e66" providerId="ADAL" clId="{372D74D7-F2D8-47F7-AA08-027D8B0796A6}" dt="2022-06-15T21:00:45.516" v="210"/>
          <ac:spMkLst>
            <pc:docMk/>
            <pc:sldMk cId="3288891976" sldId="2147328326"/>
            <ac:spMk id="60" creationId="{1D78BFAD-A843-496F-868D-31654D8A7D46}"/>
          </ac:spMkLst>
        </pc:spChg>
        <pc:spChg chg="mod">
          <ac:chgData name="Jaroslav Svarc" userId="99620f1e-badf-4d76-9b39-3d50f1a91e66" providerId="ADAL" clId="{372D74D7-F2D8-47F7-AA08-027D8B0796A6}" dt="2022-06-15T21:00:45.519" v="212" actId="790"/>
          <ac:spMkLst>
            <pc:docMk/>
            <pc:sldMk cId="3288891976" sldId="2147328326"/>
            <ac:spMk id="63" creationId="{1E1D239E-A211-4A14-BD9E-B7F7F57733C5}"/>
          </ac:spMkLst>
        </pc:spChg>
        <pc:spChg chg="add mod">
          <ac:chgData name="Jaroslav Svarc" userId="99620f1e-badf-4d76-9b39-3d50f1a91e66" providerId="ADAL" clId="{372D74D7-F2D8-47F7-AA08-027D8B0796A6}" dt="2022-06-15T21:14:20.857" v="649" actId="1076"/>
          <ac:spMkLst>
            <pc:docMk/>
            <pc:sldMk cId="3288891976" sldId="2147328326"/>
            <ac:spMk id="64" creationId="{C3BC04EB-BF2E-4D23-932B-CEE93C6755CD}"/>
          </ac:spMkLst>
        </pc:spChg>
        <pc:spChg chg="add mod">
          <ac:chgData name="Jaroslav Svarc" userId="99620f1e-badf-4d76-9b39-3d50f1a91e66" providerId="ADAL" clId="{372D74D7-F2D8-47F7-AA08-027D8B0796A6}" dt="2022-06-15T21:18:37.671" v="656" actId="1076"/>
          <ac:spMkLst>
            <pc:docMk/>
            <pc:sldMk cId="3288891976" sldId="2147328326"/>
            <ac:spMk id="65" creationId="{64F8A8FF-1AC1-41E9-AA84-031377C8E37E}"/>
          </ac:spMkLst>
        </pc:spChg>
        <pc:spChg chg="add mod">
          <ac:chgData name="Jaroslav Svarc" userId="99620f1e-badf-4d76-9b39-3d50f1a91e66" providerId="ADAL" clId="{372D74D7-F2D8-47F7-AA08-027D8B0796A6}" dt="2022-06-15T21:21:18.822" v="681" actId="1076"/>
          <ac:spMkLst>
            <pc:docMk/>
            <pc:sldMk cId="3288891976" sldId="2147328326"/>
            <ac:spMk id="66" creationId="{068BE1AE-E883-41FD-8E3B-AA581897CDA0}"/>
          </ac:spMkLst>
        </pc:spChg>
        <pc:spChg chg="add mod ord">
          <ac:chgData name="Jaroslav Svarc" userId="99620f1e-badf-4d76-9b39-3d50f1a91e66" providerId="ADAL" clId="{372D74D7-F2D8-47F7-AA08-027D8B0796A6}" dt="2022-06-15T21:19:35.002" v="675" actId="167"/>
          <ac:spMkLst>
            <pc:docMk/>
            <pc:sldMk cId="3288891976" sldId="2147328326"/>
            <ac:spMk id="67" creationId="{EBE3D1E4-FA85-4228-8E20-D62DAAE8520A}"/>
          </ac:spMkLst>
        </pc:spChg>
        <pc:spChg chg="add mod">
          <ac:chgData name="Jaroslav Svarc" userId="99620f1e-badf-4d76-9b39-3d50f1a91e66" providerId="ADAL" clId="{372D74D7-F2D8-47F7-AA08-027D8B0796A6}" dt="2022-06-15T21:20:35.330" v="678" actId="1076"/>
          <ac:spMkLst>
            <pc:docMk/>
            <pc:sldMk cId="3288891976" sldId="2147328326"/>
            <ac:spMk id="68" creationId="{6FDDF0FA-19B6-4627-B38E-9CB6943F7319}"/>
          </ac:spMkLst>
        </pc:spChg>
        <pc:spChg chg="add mod">
          <ac:chgData name="Jaroslav Svarc" userId="99620f1e-badf-4d76-9b39-3d50f1a91e66" providerId="ADAL" clId="{372D74D7-F2D8-47F7-AA08-027D8B0796A6}" dt="2022-06-15T21:20:41.296" v="680" actId="1076"/>
          <ac:spMkLst>
            <pc:docMk/>
            <pc:sldMk cId="3288891976" sldId="2147328326"/>
            <ac:spMk id="69" creationId="{B916326B-1083-4CE3-803F-A730004E0E1E}"/>
          </ac:spMkLst>
        </pc:spChg>
        <pc:picChg chg="mod">
          <ac:chgData name="Jaroslav Svarc" userId="99620f1e-badf-4d76-9b39-3d50f1a91e66" providerId="ADAL" clId="{372D74D7-F2D8-47F7-AA08-027D8B0796A6}" dt="2022-06-15T21:19:12.407" v="671" actId="1037"/>
          <ac:picMkLst>
            <pc:docMk/>
            <pc:sldMk cId="3288891976" sldId="2147328326"/>
            <ac:picMk id="62" creationId="{2B8EA8B7-5A24-4F5E-A05A-585E488E6DC5}"/>
          </ac:picMkLst>
        </pc:picChg>
      </pc:sldChg>
      <pc:sldChg chg="addSp delSp modSp mod">
        <pc:chgData name="Jaroslav Svarc" userId="99620f1e-badf-4d76-9b39-3d50f1a91e66" providerId="ADAL" clId="{372D74D7-F2D8-47F7-AA08-027D8B0796A6}" dt="2022-06-15T21:15:02.471" v="651" actId="20577"/>
        <pc:sldMkLst>
          <pc:docMk/>
          <pc:sldMk cId="1680825895" sldId="2147328327"/>
        </pc:sldMkLst>
        <pc:spChg chg="mod">
          <ac:chgData name="Jaroslav Svarc" userId="99620f1e-badf-4d76-9b39-3d50f1a91e66" providerId="ADAL" clId="{372D74D7-F2D8-47F7-AA08-027D8B0796A6}" dt="2022-06-15T21:00:45.470" v="183" actId="790"/>
          <ac:spMkLst>
            <pc:docMk/>
            <pc:sldMk cId="1680825895" sldId="2147328327"/>
            <ac:spMk id="7" creationId="{13A14D54-489E-414A-94EB-83F41A316755}"/>
          </ac:spMkLst>
        </pc:spChg>
        <pc:spChg chg="mod">
          <ac:chgData name="Jaroslav Svarc" userId="99620f1e-badf-4d76-9b39-3d50f1a91e66" providerId="ADAL" clId="{372D74D7-F2D8-47F7-AA08-027D8B0796A6}" dt="2022-06-15T21:00:45.463" v="177" actId="790"/>
          <ac:spMkLst>
            <pc:docMk/>
            <pc:sldMk cId="1680825895" sldId="2147328327"/>
            <ac:spMk id="10" creationId="{BC3F3343-EA43-460A-ABC0-47CF8500CC26}"/>
          </ac:spMkLst>
        </pc:spChg>
        <pc:spChg chg="mod">
          <ac:chgData name="Jaroslav Svarc" userId="99620f1e-badf-4d76-9b39-3d50f1a91e66" providerId="ADAL" clId="{372D74D7-F2D8-47F7-AA08-027D8B0796A6}" dt="2022-06-15T21:00:45.465" v="178" actId="790"/>
          <ac:spMkLst>
            <pc:docMk/>
            <pc:sldMk cId="1680825895" sldId="2147328327"/>
            <ac:spMk id="11" creationId="{00E0508C-E434-49AB-B46A-0DBD19511415}"/>
          </ac:spMkLst>
        </pc:spChg>
        <pc:spChg chg="mod">
          <ac:chgData name="Jaroslav Svarc" userId="99620f1e-badf-4d76-9b39-3d50f1a91e66" providerId="ADAL" clId="{372D74D7-F2D8-47F7-AA08-027D8B0796A6}" dt="2022-06-15T21:00:45.477" v="187" actId="790"/>
          <ac:spMkLst>
            <pc:docMk/>
            <pc:sldMk cId="1680825895" sldId="2147328327"/>
            <ac:spMk id="15" creationId="{23BF450F-50B4-42B1-B284-DEEB789EEEE6}"/>
          </ac:spMkLst>
        </pc:spChg>
        <pc:spChg chg="mod">
          <ac:chgData name="Jaroslav Svarc" userId="99620f1e-badf-4d76-9b39-3d50f1a91e66" providerId="ADAL" clId="{372D74D7-F2D8-47F7-AA08-027D8B0796A6}" dt="2022-06-15T21:00:45.433" v="164"/>
          <ac:spMkLst>
            <pc:docMk/>
            <pc:sldMk cId="1680825895" sldId="2147328327"/>
            <ac:spMk id="22" creationId="{6FF998C5-5D92-45AB-8D6F-44671385458C}"/>
          </ac:spMkLst>
        </pc:spChg>
        <pc:spChg chg="del mod">
          <ac:chgData name="Jaroslav Svarc" userId="99620f1e-badf-4d76-9b39-3d50f1a91e66" providerId="ADAL" clId="{372D74D7-F2D8-47F7-AA08-027D8B0796A6}" dt="2022-06-15T21:13:30.211" v="644" actId="478"/>
          <ac:spMkLst>
            <pc:docMk/>
            <pc:sldMk cId="1680825895" sldId="2147328327"/>
            <ac:spMk id="23" creationId="{81A23D04-4E24-466E-9BBB-65BB8C568072}"/>
          </ac:spMkLst>
        </pc:spChg>
        <pc:spChg chg="del mod">
          <ac:chgData name="Jaroslav Svarc" userId="99620f1e-badf-4d76-9b39-3d50f1a91e66" providerId="ADAL" clId="{372D74D7-F2D8-47F7-AA08-027D8B0796A6}" dt="2022-06-15T21:13:30.211" v="644" actId="478"/>
          <ac:spMkLst>
            <pc:docMk/>
            <pc:sldMk cId="1680825895" sldId="2147328327"/>
            <ac:spMk id="26" creationId="{642145BD-9F76-4208-8569-5DB4848F5AC6}"/>
          </ac:spMkLst>
        </pc:spChg>
        <pc:spChg chg="del mod">
          <ac:chgData name="Jaroslav Svarc" userId="99620f1e-badf-4d76-9b39-3d50f1a91e66" providerId="ADAL" clId="{372D74D7-F2D8-47F7-AA08-027D8B0796A6}" dt="2022-06-15T21:13:34.704" v="645" actId="478"/>
          <ac:spMkLst>
            <pc:docMk/>
            <pc:sldMk cId="1680825895" sldId="2147328327"/>
            <ac:spMk id="27" creationId="{C776C691-4E43-4C6F-BE6F-FF26EA18B790}"/>
          </ac:spMkLst>
        </pc:spChg>
        <pc:spChg chg="mod">
          <ac:chgData name="Jaroslav Svarc" userId="99620f1e-badf-4d76-9b39-3d50f1a91e66" providerId="ADAL" clId="{372D74D7-F2D8-47F7-AA08-027D8B0796A6}" dt="2022-06-15T21:15:02.471" v="651" actId="20577"/>
          <ac:spMkLst>
            <pc:docMk/>
            <pc:sldMk cId="1680825895" sldId="2147328327"/>
            <ac:spMk id="30" creationId="{F2A81F04-381B-4D69-B833-3AF3F7861431}"/>
          </ac:spMkLst>
        </pc:spChg>
        <pc:spChg chg="mod">
          <ac:chgData name="Jaroslav Svarc" userId="99620f1e-badf-4d76-9b39-3d50f1a91e66" providerId="ADAL" clId="{372D74D7-F2D8-47F7-AA08-027D8B0796A6}" dt="2022-06-15T21:00:45.446" v="169"/>
          <ac:spMkLst>
            <pc:docMk/>
            <pc:sldMk cId="1680825895" sldId="2147328327"/>
            <ac:spMk id="32" creationId="{75562137-AC20-4FFE-AEC3-A357B825B433}"/>
          </ac:spMkLst>
        </pc:spChg>
        <pc:spChg chg="mod">
          <ac:chgData name="Jaroslav Svarc" userId="99620f1e-badf-4d76-9b39-3d50f1a91e66" providerId="ADAL" clId="{372D74D7-F2D8-47F7-AA08-027D8B0796A6}" dt="2022-06-15T21:00:45.449" v="170"/>
          <ac:spMkLst>
            <pc:docMk/>
            <pc:sldMk cId="1680825895" sldId="2147328327"/>
            <ac:spMk id="35" creationId="{D9E35CCD-B4E8-4B2A-9147-C0E4671681DC}"/>
          </ac:spMkLst>
        </pc:spChg>
        <pc:spChg chg="mod">
          <ac:chgData name="Jaroslav Svarc" userId="99620f1e-badf-4d76-9b39-3d50f1a91e66" providerId="ADAL" clId="{372D74D7-F2D8-47F7-AA08-027D8B0796A6}" dt="2022-06-15T21:00:45.449" v="171"/>
          <ac:spMkLst>
            <pc:docMk/>
            <pc:sldMk cId="1680825895" sldId="2147328327"/>
            <ac:spMk id="43" creationId="{967C752D-FBC2-4432-8F5C-318FF3A71BF0}"/>
          </ac:spMkLst>
        </pc:spChg>
        <pc:spChg chg="add mod">
          <ac:chgData name="Jaroslav Svarc" userId="99620f1e-badf-4d76-9b39-3d50f1a91e66" providerId="ADAL" clId="{372D74D7-F2D8-47F7-AA08-027D8B0796A6}" dt="2022-06-15T21:03:22.746" v="559" actId="1076"/>
          <ac:spMkLst>
            <pc:docMk/>
            <pc:sldMk cId="1680825895" sldId="2147328327"/>
            <ac:spMk id="44" creationId="{932C7327-80E8-4438-91A6-5F988DF8E409}"/>
          </ac:spMkLst>
        </pc:spChg>
        <pc:spChg chg="mod">
          <ac:chgData name="Jaroslav Svarc" userId="99620f1e-badf-4d76-9b39-3d50f1a91e66" providerId="ADAL" clId="{372D74D7-F2D8-47F7-AA08-027D8B0796A6}" dt="2022-06-15T21:00:45.451" v="172"/>
          <ac:spMkLst>
            <pc:docMk/>
            <pc:sldMk cId="1680825895" sldId="2147328327"/>
            <ac:spMk id="45" creationId="{7F33ADB6-8661-4601-8CCE-0AE31DA35E8E}"/>
          </ac:spMkLst>
        </pc:spChg>
        <pc:spChg chg="mod">
          <ac:chgData name="Jaroslav Svarc" userId="99620f1e-badf-4d76-9b39-3d50f1a91e66" providerId="ADAL" clId="{372D74D7-F2D8-47F7-AA08-027D8B0796A6}" dt="2022-06-15T21:00:45.452" v="173" actId="790"/>
          <ac:spMkLst>
            <pc:docMk/>
            <pc:sldMk cId="1680825895" sldId="2147328327"/>
            <ac:spMk id="46" creationId="{0DD75498-EC5C-47DF-949C-2BDA615859BD}"/>
          </ac:spMkLst>
        </pc:spChg>
        <pc:spChg chg="mod">
          <ac:chgData name="Jaroslav Svarc" userId="99620f1e-badf-4d76-9b39-3d50f1a91e66" providerId="ADAL" clId="{372D74D7-F2D8-47F7-AA08-027D8B0796A6}" dt="2022-06-15T21:00:45.454" v="174" actId="790"/>
          <ac:spMkLst>
            <pc:docMk/>
            <pc:sldMk cId="1680825895" sldId="2147328327"/>
            <ac:spMk id="47" creationId="{CB1F600D-5506-4A07-891D-124554BDDEB1}"/>
          </ac:spMkLst>
        </pc:spChg>
        <pc:spChg chg="mod">
          <ac:chgData name="Jaroslav Svarc" userId="99620f1e-badf-4d76-9b39-3d50f1a91e66" providerId="ADAL" clId="{372D74D7-F2D8-47F7-AA08-027D8B0796A6}" dt="2022-06-15T21:00:45.456" v="175"/>
          <ac:spMkLst>
            <pc:docMk/>
            <pc:sldMk cId="1680825895" sldId="2147328327"/>
            <ac:spMk id="48" creationId="{C84DFF55-CB4E-44F7-BD10-DE2A8203DA7A}"/>
          </ac:spMkLst>
        </pc:spChg>
        <pc:spChg chg="mod">
          <ac:chgData name="Jaroslav Svarc" userId="99620f1e-badf-4d76-9b39-3d50f1a91e66" providerId="ADAL" clId="{372D74D7-F2D8-47F7-AA08-027D8B0796A6}" dt="2022-06-15T21:00:45.461" v="176"/>
          <ac:spMkLst>
            <pc:docMk/>
            <pc:sldMk cId="1680825895" sldId="2147328327"/>
            <ac:spMk id="50" creationId="{4F3B0E34-CA30-4C29-A690-05B36E5CE564}"/>
          </ac:spMkLst>
        </pc:spChg>
        <pc:spChg chg="mod">
          <ac:chgData name="Jaroslav Svarc" userId="99620f1e-badf-4d76-9b39-3d50f1a91e66" providerId="ADAL" clId="{372D74D7-F2D8-47F7-AA08-027D8B0796A6}" dt="2022-06-15T21:00:45.467" v="181"/>
          <ac:spMkLst>
            <pc:docMk/>
            <pc:sldMk cId="1680825895" sldId="2147328327"/>
            <ac:spMk id="52" creationId="{50122E98-DCEA-424D-947D-C46AAEDD93C0}"/>
          </ac:spMkLst>
        </pc:spChg>
        <pc:spChg chg="mod">
          <ac:chgData name="Jaroslav Svarc" userId="99620f1e-badf-4d76-9b39-3d50f1a91e66" providerId="ADAL" clId="{372D74D7-F2D8-47F7-AA08-027D8B0796A6}" dt="2022-06-15T21:00:45.468" v="182"/>
          <ac:spMkLst>
            <pc:docMk/>
            <pc:sldMk cId="1680825895" sldId="2147328327"/>
            <ac:spMk id="53" creationId="{1F2EE621-3092-42FE-8299-61CFCDA08C08}"/>
          </ac:spMkLst>
        </pc:spChg>
        <pc:spChg chg="mod">
          <ac:chgData name="Jaroslav Svarc" userId="99620f1e-badf-4d76-9b39-3d50f1a91e66" providerId="ADAL" clId="{372D74D7-F2D8-47F7-AA08-027D8B0796A6}" dt="2022-06-15T21:00:45.471" v="184"/>
          <ac:spMkLst>
            <pc:docMk/>
            <pc:sldMk cId="1680825895" sldId="2147328327"/>
            <ac:spMk id="55" creationId="{7FDBA61D-68DB-45A2-81A0-F53A512457A2}"/>
          </ac:spMkLst>
        </pc:spChg>
        <pc:spChg chg="mod">
          <ac:chgData name="Jaroslav Svarc" userId="99620f1e-badf-4d76-9b39-3d50f1a91e66" providerId="ADAL" clId="{372D74D7-F2D8-47F7-AA08-027D8B0796A6}" dt="2022-06-15T21:00:45.473" v="185"/>
          <ac:spMkLst>
            <pc:docMk/>
            <pc:sldMk cId="1680825895" sldId="2147328327"/>
            <ac:spMk id="56" creationId="{42CB2CB1-31C6-4C88-84F0-48C55F4BC713}"/>
          </ac:spMkLst>
        </pc:spChg>
        <pc:spChg chg="mod">
          <ac:chgData name="Jaroslav Svarc" userId="99620f1e-badf-4d76-9b39-3d50f1a91e66" providerId="ADAL" clId="{372D74D7-F2D8-47F7-AA08-027D8B0796A6}" dt="2022-06-15T21:00:45.465" v="179"/>
          <ac:spMkLst>
            <pc:docMk/>
            <pc:sldMk cId="1680825895" sldId="2147328327"/>
            <ac:spMk id="58" creationId="{B248EE15-B079-4E9A-8193-F6951CC6062D}"/>
          </ac:spMkLst>
        </pc:spChg>
        <pc:spChg chg="mod">
          <ac:chgData name="Jaroslav Svarc" userId="99620f1e-badf-4d76-9b39-3d50f1a91e66" providerId="ADAL" clId="{372D74D7-F2D8-47F7-AA08-027D8B0796A6}" dt="2022-06-15T21:00:45.466" v="180"/>
          <ac:spMkLst>
            <pc:docMk/>
            <pc:sldMk cId="1680825895" sldId="2147328327"/>
            <ac:spMk id="59" creationId="{4D2ED528-63FF-4E1E-AC91-944C516E580F}"/>
          </ac:spMkLst>
        </pc:spChg>
        <pc:spChg chg="mod">
          <ac:chgData name="Jaroslav Svarc" userId="99620f1e-badf-4d76-9b39-3d50f1a91e66" providerId="ADAL" clId="{372D74D7-F2D8-47F7-AA08-027D8B0796A6}" dt="2022-06-15T21:00:45.475" v="186"/>
          <ac:spMkLst>
            <pc:docMk/>
            <pc:sldMk cId="1680825895" sldId="2147328327"/>
            <ac:spMk id="60" creationId="{1D78BFAD-A843-496F-868D-31654D8A7D46}"/>
          </ac:spMkLst>
        </pc:spChg>
      </pc:sldChg>
      <pc:sldMasterChg chg="modSp mod modSldLayout">
        <pc:chgData name="Jaroslav Svarc" userId="99620f1e-badf-4d76-9b39-3d50f1a91e66" providerId="ADAL" clId="{372D74D7-F2D8-47F7-AA08-027D8B0796A6}" dt="2022-06-15T21:00:46.533" v="557"/>
        <pc:sldMasterMkLst>
          <pc:docMk/>
          <pc:sldMasterMk cId="2523064765" sldId="2147483660"/>
        </pc:sldMasterMkLst>
        <pc:spChg chg="mod">
          <ac:chgData name="Jaroslav Svarc" userId="99620f1e-badf-4d76-9b39-3d50f1a91e66" providerId="ADAL" clId="{372D74D7-F2D8-47F7-AA08-027D8B0796A6}" dt="2022-06-15T21:00:46.074" v="434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Jaroslav Svarc" userId="99620f1e-badf-4d76-9b39-3d50f1a91e66" providerId="ADAL" clId="{372D74D7-F2D8-47F7-AA08-027D8B0796A6}" dt="2022-06-15T21:00:46.069" v="433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Jaroslav Svarc" userId="99620f1e-badf-4d76-9b39-3d50f1a91e66" providerId="ADAL" clId="{372D74D7-F2D8-47F7-AA08-027D8B0796A6}" dt="2022-06-15T21:00:46.185" v="43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Jaroslav Svarc" userId="99620f1e-badf-4d76-9b39-3d50f1a91e66" providerId="ADAL" clId="{372D74D7-F2D8-47F7-AA08-027D8B0796A6}" dt="2022-06-15T21:00:45.535" v="220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185" v="43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Jaroslav Svarc" userId="99620f1e-badf-4d76-9b39-3d50f1a91e66" providerId="ADAL" clId="{372D74D7-F2D8-47F7-AA08-027D8B0796A6}" dt="2022-06-15T21:00:45.541" v="224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Jaroslav Svarc" userId="99620f1e-badf-4d76-9b39-3d50f1a91e66" providerId="ADAL" clId="{372D74D7-F2D8-47F7-AA08-027D8B0796A6}" dt="2022-06-15T21:00:45.529" v="217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Jaroslav Svarc" userId="99620f1e-badf-4d76-9b39-3d50f1a91e66" providerId="ADAL" clId="{372D74D7-F2D8-47F7-AA08-027D8B0796A6}" dt="2022-06-15T21:00:45.536" v="221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538" v="222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533" v="219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531" v="218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02" v="443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Jaroslav Svarc" userId="99620f1e-badf-4d76-9b39-3d50f1a91e66" providerId="ADAL" clId="{372D74D7-F2D8-47F7-AA08-027D8B0796A6}" dt="2022-06-15T21:00:45.556" v="233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Jaroslav Svarc" userId="99620f1e-badf-4d76-9b39-3d50f1a91e66" providerId="ADAL" clId="{372D74D7-F2D8-47F7-AA08-027D8B0796A6}" dt="2022-06-15T21:00:46.202" v="443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Jaroslav Svarc" userId="99620f1e-badf-4d76-9b39-3d50f1a91e66" providerId="ADAL" clId="{372D74D7-F2D8-47F7-AA08-027D8B0796A6}" dt="2022-06-15T21:00:45.558" v="234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Jaroslav Svarc" userId="99620f1e-badf-4d76-9b39-3d50f1a91e66" providerId="ADAL" clId="{372D74D7-F2D8-47F7-AA08-027D8B0796A6}" dt="2022-06-15T21:00:45.560" v="235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Jaroslav Svarc" userId="99620f1e-badf-4d76-9b39-3d50f1a91e66" providerId="ADAL" clId="{372D74D7-F2D8-47F7-AA08-027D8B0796A6}" dt="2022-06-15T21:00:45.565" v="237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10" v="446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Jaroslav Svarc" userId="99620f1e-badf-4d76-9b39-3d50f1a91e66" providerId="ADAL" clId="{372D74D7-F2D8-47F7-AA08-027D8B0796A6}" dt="2022-06-15T21:00:46.210" v="446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Jaroslav Svarc" userId="99620f1e-badf-4d76-9b39-3d50f1a91e66" providerId="ADAL" clId="{372D74D7-F2D8-47F7-AA08-027D8B0796A6}" dt="2022-06-15T21:00:45.569" v="239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Jaroslav Svarc" userId="99620f1e-badf-4d76-9b39-3d50f1a91e66" providerId="ADAL" clId="{372D74D7-F2D8-47F7-AA08-027D8B0796A6}" dt="2022-06-15T21:00:45.570" v="240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Jaroslav Svarc" userId="99620f1e-badf-4d76-9b39-3d50f1a91e66" providerId="ADAL" clId="{372D74D7-F2D8-47F7-AA08-027D8B0796A6}" dt="2022-06-15T21:00:45.574" v="242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Jaroslav Svarc" userId="99620f1e-badf-4d76-9b39-3d50f1a91e66" providerId="ADAL" clId="{372D74D7-F2D8-47F7-AA08-027D8B0796A6}" dt="2022-06-15T21:00:45.567" v="238" actId="790"/>
            <ac:spMkLst>
              <pc:docMk/>
              <pc:sldMasterMk cId="2523064765" sldId="2147483660"/>
              <pc:sldLayoutMk cId="2064663325" sldId="2147483664"/>
              <ac:spMk id="13" creationId="{368FADF5-0F2E-41A5-9C74-2E60F7AC8939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17" v="449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Jaroslav Svarc" userId="99620f1e-badf-4d76-9b39-3d50f1a91e66" providerId="ADAL" clId="{372D74D7-F2D8-47F7-AA08-027D8B0796A6}" dt="2022-06-15T21:00:45.576" v="243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17" v="449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Jaroslav Svarc" userId="99620f1e-badf-4d76-9b39-3d50f1a91e66" providerId="ADAL" clId="{372D74D7-F2D8-47F7-AA08-027D8B0796A6}" dt="2022-06-15T21:00:45.583" v="247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Jaroslav Svarc" userId="99620f1e-badf-4d76-9b39-3d50f1a91e66" providerId="ADAL" clId="{372D74D7-F2D8-47F7-AA08-027D8B0796A6}" dt="2022-06-15T21:00:45.578" v="244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Jaroslav Svarc" userId="99620f1e-badf-4d76-9b39-3d50f1a91e66" providerId="ADAL" clId="{372D74D7-F2D8-47F7-AA08-027D8B0796A6}" dt="2022-06-15T21:00:45.580" v="245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25" v="452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Jaroslav Svarc" userId="99620f1e-badf-4d76-9b39-3d50f1a91e66" providerId="ADAL" clId="{372D74D7-F2D8-47F7-AA08-027D8B0796A6}" dt="2022-06-15T21:00:45.583" v="248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25" v="452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Jaroslav Svarc" userId="99620f1e-badf-4d76-9b39-3d50f1a91e66" providerId="ADAL" clId="{372D74D7-F2D8-47F7-AA08-027D8B0796A6}" dt="2022-06-15T21:00:45.592" v="252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Jaroslav Svarc" userId="99620f1e-badf-4d76-9b39-3d50f1a91e66" providerId="ADAL" clId="{372D74D7-F2D8-47F7-AA08-027D8B0796A6}" dt="2022-06-15T21:00:45.586" v="249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Jaroslav Svarc" userId="99620f1e-badf-4d76-9b39-3d50f1a91e66" providerId="ADAL" clId="{372D74D7-F2D8-47F7-AA08-027D8B0796A6}" dt="2022-06-15T21:00:45.588" v="250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33" v="455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Jaroslav Svarc" userId="99620f1e-badf-4d76-9b39-3d50f1a91e66" providerId="ADAL" clId="{372D74D7-F2D8-47F7-AA08-027D8B0796A6}" dt="2022-06-15T21:00:45.594" v="253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33" v="455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Jaroslav Svarc" userId="99620f1e-badf-4d76-9b39-3d50f1a91e66" providerId="ADAL" clId="{372D74D7-F2D8-47F7-AA08-027D8B0796A6}" dt="2022-06-15T21:00:45.600" v="257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Jaroslav Svarc" userId="99620f1e-badf-4d76-9b39-3d50f1a91e66" providerId="ADAL" clId="{372D74D7-F2D8-47F7-AA08-027D8B0796A6}" dt="2022-06-15T21:00:45.596" v="254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Jaroslav Svarc" userId="99620f1e-badf-4d76-9b39-3d50f1a91e66" providerId="ADAL" clId="{372D74D7-F2D8-47F7-AA08-027D8B0796A6}" dt="2022-06-15T21:00:45.598" v="255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42" v="458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Jaroslav Svarc" userId="99620f1e-badf-4d76-9b39-3d50f1a91e66" providerId="ADAL" clId="{372D74D7-F2D8-47F7-AA08-027D8B0796A6}" dt="2022-06-15T21:00:45.602" v="258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42" v="458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Jaroslav Svarc" userId="99620f1e-badf-4d76-9b39-3d50f1a91e66" providerId="ADAL" clId="{372D74D7-F2D8-47F7-AA08-027D8B0796A6}" dt="2022-06-15T21:00:45.610" v="262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Jaroslav Svarc" userId="99620f1e-badf-4d76-9b39-3d50f1a91e66" providerId="ADAL" clId="{372D74D7-F2D8-47F7-AA08-027D8B0796A6}" dt="2022-06-15T21:00:45.604" v="259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Jaroslav Svarc" userId="99620f1e-badf-4d76-9b39-3d50f1a91e66" providerId="ADAL" clId="{372D74D7-F2D8-47F7-AA08-027D8B0796A6}" dt="2022-06-15T21:00:45.606" v="260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50" v="461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Jaroslav Svarc" userId="99620f1e-badf-4d76-9b39-3d50f1a91e66" providerId="ADAL" clId="{372D74D7-F2D8-47F7-AA08-027D8B0796A6}" dt="2022-06-15T21:00:45.612" v="263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50" v="461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Jaroslav Svarc" userId="99620f1e-badf-4d76-9b39-3d50f1a91e66" providerId="ADAL" clId="{372D74D7-F2D8-47F7-AA08-027D8B0796A6}" dt="2022-06-15T21:00:45.619" v="267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Jaroslav Svarc" userId="99620f1e-badf-4d76-9b39-3d50f1a91e66" providerId="ADAL" clId="{372D74D7-F2D8-47F7-AA08-027D8B0796A6}" dt="2022-06-15T21:00:45.614" v="264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Jaroslav Svarc" userId="99620f1e-badf-4d76-9b39-3d50f1a91e66" providerId="ADAL" clId="{372D74D7-F2D8-47F7-AA08-027D8B0796A6}" dt="2022-06-15T21:00:45.616" v="265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57" v="464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Jaroslav Svarc" userId="99620f1e-badf-4d76-9b39-3d50f1a91e66" providerId="ADAL" clId="{372D74D7-F2D8-47F7-AA08-027D8B0796A6}" dt="2022-06-15T21:00:45.621" v="268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57" v="464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Jaroslav Svarc" userId="99620f1e-badf-4d76-9b39-3d50f1a91e66" providerId="ADAL" clId="{372D74D7-F2D8-47F7-AA08-027D8B0796A6}" dt="2022-06-15T21:00:45.629" v="272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Jaroslav Svarc" userId="99620f1e-badf-4d76-9b39-3d50f1a91e66" providerId="ADAL" clId="{372D74D7-F2D8-47F7-AA08-027D8B0796A6}" dt="2022-06-15T21:00:45.624" v="269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Jaroslav Svarc" userId="99620f1e-badf-4d76-9b39-3d50f1a91e66" providerId="ADAL" clId="{372D74D7-F2D8-47F7-AA08-027D8B0796A6}" dt="2022-06-15T21:00:45.625" v="270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65" v="46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Jaroslav Svarc" userId="99620f1e-badf-4d76-9b39-3d50f1a91e66" providerId="ADAL" clId="{372D74D7-F2D8-47F7-AA08-027D8B0796A6}" dt="2022-06-15T21:00:46.265" v="46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Jaroslav Svarc" userId="99620f1e-badf-4d76-9b39-3d50f1a91e66" providerId="ADAL" clId="{372D74D7-F2D8-47F7-AA08-027D8B0796A6}" dt="2022-06-15T21:00:45.635" v="276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Jaroslav Svarc" userId="99620f1e-badf-4d76-9b39-3d50f1a91e66" providerId="ADAL" clId="{372D74D7-F2D8-47F7-AA08-027D8B0796A6}" dt="2022-06-15T21:00:45.631" v="273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Jaroslav Svarc" userId="99620f1e-badf-4d76-9b39-3d50f1a91e66" providerId="ADAL" clId="{372D74D7-F2D8-47F7-AA08-027D8B0796A6}" dt="2022-06-15T21:00:45.632" v="274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71" v="470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Jaroslav Svarc" userId="99620f1e-badf-4d76-9b39-3d50f1a91e66" providerId="ADAL" clId="{372D74D7-F2D8-47F7-AA08-027D8B0796A6}" dt="2022-06-15T21:00:46.271" v="470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Jaroslav Svarc" userId="99620f1e-badf-4d76-9b39-3d50f1a91e66" providerId="ADAL" clId="{372D74D7-F2D8-47F7-AA08-027D8B0796A6}" dt="2022-06-15T21:00:45.641" v="279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Jaroslav Svarc" userId="99620f1e-badf-4d76-9b39-3d50f1a91e66" providerId="ADAL" clId="{372D74D7-F2D8-47F7-AA08-027D8B0796A6}" dt="2022-06-15T21:00:45.637" v="277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89" v="476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Jaroslav Svarc" userId="99620f1e-badf-4d76-9b39-3d50f1a91e66" providerId="ADAL" clId="{372D74D7-F2D8-47F7-AA08-027D8B0796A6}" dt="2022-06-15T21:00:46.289" v="476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Jaroslav Svarc" userId="99620f1e-badf-4d76-9b39-3d50f1a91e66" providerId="ADAL" clId="{372D74D7-F2D8-47F7-AA08-027D8B0796A6}" dt="2022-06-15T21:00:45.647" v="282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651" v="284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43" v="500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Jaroslav Svarc" userId="99620f1e-badf-4d76-9b39-3d50f1a91e66" providerId="ADAL" clId="{372D74D7-F2D8-47F7-AA08-027D8B0796A6}" dt="2022-06-15T21:00:45.713" v="314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Jaroslav Svarc" userId="99620f1e-badf-4d76-9b39-3d50f1a91e66" providerId="ADAL" clId="{372D74D7-F2D8-47F7-AA08-027D8B0796A6}" dt="2022-06-15T21:00:45.709" v="313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43" v="500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Jaroslav Svarc" userId="99620f1e-badf-4d76-9b39-3d50f1a91e66" providerId="ADAL" clId="{372D74D7-F2D8-47F7-AA08-027D8B0796A6}" dt="2022-06-15T21:00:45.717" v="316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97" v="521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Jaroslav Svarc" userId="99620f1e-badf-4d76-9b39-3d50f1a91e66" providerId="ADAL" clId="{372D74D7-F2D8-47F7-AA08-027D8B0796A6}" dt="2022-06-15T21:00:45.791" v="344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94" v="345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87" v="343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Jaroslav Svarc" userId="99620f1e-badf-4d76-9b39-3d50f1a91e66" providerId="ADAL" clId="{372D74D7-F2D8-47F7-AA08-027D8B0796A6}" dt="2022-06-15T21:00:46.397" v="521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Jaroslav Svarc" userId="99620f1e-badf-4d76-9b39-3d50f1a91e66" providerId="ADAL" clId="{372D74D7-F2D8-47F7-AA08-027D8B0796A6}" dt="2022-06-15T21:00:45.799" v="347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04" v="524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Jaroslav Svarc" userId="99620f1e-badf-4d76-9b39-3d50f1a91e66" providerId="ADAL" clId="{372D74D7-F2D8-47F7-AA08-027D8B0796A6}" dt="2022-06-15T21:00:45.809" v="350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01" v="348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Jaroslav Svarc" userId="99620f1e-badf-4d76-9b39-3d50f1a91e66" providerId="ADAL" clId="{372D74D7-F2D8-47F7-AA08-027D8B0796A6}" dt="2022-06-15T21:00:45.805" v="349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04" v="524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Jaroslav Svarc" userId="99620f1e-badf-4d76-9b39-3d50f1a91e66" providerId="ADAL" clId="{372D74D7-F2D8-47F7-AA08-027D8B0796A6}" dt="2022-06-15T21:00:45.814" v="352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86" v="542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Jaroslav Svarc" userId="99620f1e-badf-4d76-9b39-3d50f1a91e66" providerId="ADAL" clId="{372D74D7-F2D8-47F7-AA08-027D8B0796A6}" dt="2022-06-15T21:00:45.888" v="380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91" v="381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85" v="379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Jaroslav Svarc" userId="99620f1e-badf-4d76-9b39-3d50f1a91e66" providerId="ADAL" clId="{372D74D7-F2D8-47F7-AA08-027D8B0796A6}" dt="2022-06-15T21:00:45.896" v="382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86" v="542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Jaroslav Svarc" userId="99620f1e-badf-4d76-9b39-3d50f1a91e66" providerId="ADAL" clId="{372D74D7-F2D8-47F7-AA08-027D8B0796A6}" dt="2022-06-15T21:00:45.899" v="384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95" v="545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Jaroslav Svarc" userId="99620f1e-badf-4d76-9b39-3d50f1a91e66" providerId="ADAL" clId="{372D74D7-F2D8-47F7-AA08-027D8B0796A6}" dt="2022-06-15T21:00:45.904" v="386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08" v="387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00" v="385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Jaroslav Svarc" userId="99620f1e-badf-4d76-9b39-3d50f1a91e66" providerId="ADAL" clId="{372D74D7-F2D8-47F7-AA08-027D8B0796A6}" dt="2022-06-15T21:00:45.911" v="388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14" v="389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95" v="545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Jaroslav Svarc" userId="99620f1e-badf-4d76-9b39-3d50f1a91e66" providerId="ADAL" clId="{372D74D7-F2D8-47F7-AA08-027D8B0796A6}" dt="2022-06-15T21:00:45.918" v="391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503" v="548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Jaroslav Svarc" userId="99620f1e-badf-4d76-9b39-3d50f1a91e66" providerId="ADAL" clId="{372D74D7-F2D8-47F7-AA08-027D8B0796A6}" dt="2022-06-15T21:00:45.922" v="393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26" v="394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20" v="392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Jaroslav Svarc" userId="99620f1e-badf-4d76-9b39-3d50f1a91e66" providerId="ADAL" clId="{372D74D7-F2D8-47F7-AA08-027D8B0796A6}" dt="2022-06-15T21:00:45.928" v="395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32" v="396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503" v="548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Jaroslav Svarc" userId="99620f1e-badf-4d76-9b39-3d50f1a91e66" providerId="ADAL" clId="{372D74D7-F2D8-47F7-AA08-027D8B0796A6}" dt="2022-06-15T21:00:45.937" v="398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512" v="551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Jaroslav Svarc" userId="99620f1e-badf-4d76-9b39-3d50f1a91e66" providerId="ADAL" clId="{372D74D7-F2D8-47F7-AA08-027D8B0796A6}" dt="2022-06-15T21:00:45.942" v="400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44" v="401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39" v="399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Jaroslav Svarc" userId="99620f1e-badf-4d76-9b39-3d50f1a91e66" providerId="ADAL" clId="{372D74D7-F2D8-47F7-AA08-027D8B0796A6}" dt="2022-06-15T21:00:45.948" v="402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51" v="403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512" v="551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Jaroslav Svarc" userId="99620f1e-badf-4d76-9b39-3d50f1a91e66" providerId="ADAL" clId="{372D74D7-F2D8-47F7-AA08-027D8B0796A6}" dt="2022-06-15T21:00:45.956" v="405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533" v="55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Jaroslav Svarc" userId="99620f1e-badf-4d76-9b39-3d50f1a91e66" providerId="ADAL" clId="{372D74D7-F2D8-47F7-AA08-027D8B0796A6}" dt="2022-06-15T21:00:45.984" v="414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88" v="415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91" v="416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94" v="417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01" v="419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98" v="418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08" v="421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05" v="420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81" v="413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Jaroslav Svarc" userId="99620f1e-badf-4d76-9b39-3d50f1a91e66" providerId="ADAL" clId="{372D74D7-F2D8-47F7-AA08-027D8B0796A6}" dt="2022-06-15T21:00:46.533" v="55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Jaroslav Svarc" userId="99620f1e-badf-4d76-9b39-3d50f1a91e66" providerId="ADAL" clId="{372D74D7-F2D8-47F7-AA08-027D8B0796A6}" dt="2022-06-15T21:00:46.011" v="423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63" v="509"/>
          <pc:sldLayoutMkLst>
            <pc:docMk/>
            <pc:sldMasterMk cId="2523064765" sldId="2147483660"/>
            <pc:sldLayoutMk cId="4114665" sldId="2147483682"/>
          </pc:sldLayoutMkLst>
          <pc:spChg chg="mod">
            <ac:chgData name="Jaroslav Svarc" userId="99620f1e-badf-4d76-9b39-3d50f1a91e66" providerId="ADAL" clId="{372D74D7-F2D8-47F7-AA08-027D8B0796A6}" dt="2022-06-15T21:00:45.745" v="326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41" v="325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Jaroslav Svarc" userId="99620f1e-badf-4d76-9b39-3d50f1a91e66" providerId="ADAL" clId="{372D74D7-F2D8-47F7-AA08-027D8B0796A6}" dt="2022-06-15T21:00:46.363" v="509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Jaroslav Svarc" userId="99620f1e-badf-4d76-9b39-3d50f1a91e66" providerId="ADAL" clId="{372D74D7-F2D8-47F7-AA08-027D8B0796A6}" dt="2022-06-15T21:00:45.751" v="328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68" v="512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Jaroslav Svarc" userId="99620f1e-badf-4d76-9b39-3d50f1a91e66" providerId="ADAL" clId="{372D74D7-F2D8-47F7-AA08-027D8B0796A6}" dt="2022-06-15T21:00:45.758" v="331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Jaroslav Svarc" userId="99620f1e-badf-4d76-9b39-3d50f1a91e66" providerId="ADAL" clId="{372D74D7-F2D8-47F7-AA08-027D8B0796A6}" dt="2022-06-15T21:00:45.757" v="330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53" v="329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68" v="512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Jaroslav Svarc" userId="99620f1e-badf-4d76-9b39-3d50f1a91e66" providerId="ADAL" clId="{372D74D7-F2D8-47F7-AA08-027D8B0796A6}" dt="2022-06-15T21:00:45.762" v="333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77" v="515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Jaroslav Svarc" userId="99620f1e-badf-4d76-9b39-3d50f1a91e66" providerId="ADAL" clId="{372D74D7-F2D8-47F7-AA08-027D8B0796A6}" dt="2022-06-15T21:00:45.768" v="335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64" v="334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Jaroslav Svarc" userId="99620f1e-badf-4d76-9b39-3d50f1a91e66" providerId="ADAL" clId="{372D74D7-F2D8-47F7-AA08-027D8B0796A6}" dt="2022-06-15T21:00:46.377" v="515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Jaroslav Svarc" userId="99620f1e-badf-4d76-9b39-3d50f1a91e66" providerId="ADAL" clId="{372D74D7-F2D8-47F7-AA08-027D8B0796A6}" dt="2022-06-15T21:00:45.773" v="337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87" v="518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Jaroslav Svarc" userId="99620f1e-badf-4d76-9b39-3d50f1a91e66" providerId="ADAL" clId="{372D74D7-F2D8-47F7-AA08-027D8B0796A6}" dt="2022-06-15T21:00:45.781" v="340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Jaroslav Svarc" userId="99620f1e-badf-4d76-9b39-3d50f1a91e66" providerId="ADAL" clId="{372D74D7-F2D8-47F7-AA08-027D8B0796A6}" dt="2022-06-15T21:00:45.779" v="339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775" v="338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87" v="518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Jaroslav Svarc" userId="99620f1e-badf-4d76-9b39-3d50f1a91e66" providerId="ADAL" clId="{372D74D7-F2D8-47F7-AA08-027D8B0796A6}" dt="2022-06-15T21:00:45.785" v="342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12" v="52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Jaroslav Svarc" userId="99620f1e-badf-4d76-9b39-3d50f1a91e66" providerId="ADAL" clId="{372D74D7-F2D8-47F7-AA08-027D8B0796A6}" dt="2022-06-15T21:00:45.820" v="354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24" v="355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16" v="353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Jaroslav Svarc" userId="99620f1e-badf-4d76-9b39-3d50f1a91e66" providerId="ADAL" clId="{372D74D7-F2D8-47F7-AA08-027D8B0796A6}" dt="2022-06-15T21:00:46.412" v="52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Jaroslav Svarc" userId="99620f1e-badf-4d76-9b39-3d50f1a91e66" providerId="ADAL" clId="{372D74D7-F2D8-47F7-AA08-027D8B0796A6}" dt="2022-06-15T21:00:45.829" v="357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20" v="530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Jaroslav Svarc" userId="99620f1e-badf-4d76-9b39-3d50f1a91e66" providerId="ADAL" clId="{372D74D7-F2D8-47F7-AA08-027D8B0796A6}" dt="2022-06-15T21:00:45.835" v="359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38" v="360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32" v="358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Jaroslav Svarc" userId="99620f1e-badf-4d76-9b39-3d50f1a91e66" providerId="ADAL" clId="{372D74D7-F2D8-47F7-AA08-027D8B0796A6}" dt="2022-06-15T21:00:46.420" v="530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Jaroslav Svarc" userId="99620f1e-badf-4d76-9b39-3d50f1a91e66" providerId="ADAL" clId="{372D74D7-F2D8-47F7-AA08-027D8B0796A6}" dt="2022-06-15T21:00:45.843" v="362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27" v="533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Jaroslav Svarc" userId="99620f1e-badf-4d76-9b39-3d50f1a91e66" providerId="ADAL" clId="{372D74D7-F2D8-47F7-AA08-027D8B0796A6}" dt="2022-06-15T21:00:45.848" v="364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45" v="363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Jaroslav Svarc" userId="99620f1e-badf-4d76-9b39-3d50f1a91e66" providerId="ADAL" clId="{372D74D7-F2D8-47F7-AA08-027D8B0796A6}" dt="2022-06-15T21:00:45.852" v="365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27" v="533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Jaroslav Svarc" userId="99620f1e-badf-4d76-9b39-3d50f1a91e66" providerId="ADAL" clId="{372D74D7-F2D8-47F7-AA08-027D8B0796A6}" dt="2022-06-15T21:00:45.856" v="367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34" v="536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Jaroslav Svarc" userId="99620f1e-badf-4d76-9b39-3d50f1a91e66" providerId="ADAL" clId="{372D74D7-F2D8-47F7-AA08-027D8B0796A6}" dt="2022-06-15T21:00:45.858" v="368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Jaroslav Svarc" userId="99620f1e-badf-4d76-9b39-3d50f1a91e66" providerId="ADAL" clId="{372D74D7-F2D8-47F7-AA08-027D8B0796A6}" dt="2022-06-15T21:00:45.861" v="369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65" v="370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34" v="536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Jaroslav Svarc" userId="99620f1e-badf-4d76-9b39-3d50f1a91e66" providerId="ADAL" clId="{372D74D7-F2D8-47F7-AA08-027D8B0796A6}" dt="2022-06-15T21:00:45.868" v="372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523" v="554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Jaroslav Svarc" userId="99620f1e-badf-4d76-9b39-3d50f1a91e66" providerId="ADAL" clId="{372D74D7-F2D8-47F7-AA08-027D8B0796A6}" dt="2022-06-15T21:00:45.962" v="407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66" v="408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70" v="409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974" v="410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Jaroslav Svarc" userId="99620f1e-badf-4d76-9b39-3d50f1a91e66" providerId="ADAL" clId="{372D74D7-F2D8-47F7-AA08-027D8B0796A6}" dt="2022-06-15T21:00:45.958" v="406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Jaroslav Svarc" userId="99620f1e-badf-4d76-9b39-3d50f1a91e66" providerId="ADAL" clId="{372D74D7-F2D8-47F7-AA08-027D8B0796A6}" dt="2022-06-15T21:00:46.523" v="554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Jaroslav Svarc" userId="99620f1e-badf-4d76-9b39-3d50f1a91e66" providerId="ADAL" clId="{372D74D7-F2D8-47F7-AA08-027D8B0796A6}" dt="2022-06-15T21:00:45.979" v="412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82" v="473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Jaroslav Svarc" userId="99620f1e-badf-4d76-9b39-3d50f1a91e66" providerId="ADAL" clId="{372D74D7-F2D8-47F7-AA08-027D8B0796A6}" dt="2022-06-15T21:00:46.282" v="473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Jaroslav Svarc" userId="99620f1e-badf-4d76-9b39-3d50f1a91e66" providerId="ADAL" clId="{372D74D7-F2D8-47F7-AA08-027D8B0796A6}" dt="2022-06-15T21:00:45.645" v="281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013" v="424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Jaroslav Svarc" userId="99620f1e-badf-4d76-9b39-3d50f1a91e66" providerId="ADAL" clId="{372D74D7-F2D8-47F7-AA08-027D8B0796A6}" dt="2022-06-15T21:00:46.013" v="424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194" v="440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Jaroslav Svarc" userId="99620f1e-badf-4d76-9b39-3d50f1a91e66" providerId="ADAL" clId="{372D74D7-F2D8-47F7-AA08-027D8B0796A6}" dt="2022-06-15T21:00:45.547" v="228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Jaroslav Svarc" userId="99620f1e-badf-4d76-9b39-3d50f1a91e66" providerId="ADAL" clId="{372D74D7-F2D8-47F7-AA08-027D8B0796A6}" dt="2022-06-15T21:00:45.549" v="229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Jaroslav Svarc" userId="99620f1e-badf-4d76-9b39-3d50f1a91e66" providerId="ADAL" clId="{372D74D7-F2D8-47F7-AA08-027D8B0796A6}" dt="2022-06-15T21:00:45.542" v="225" actId="790"/>
            <ac:spMkLst>
              <pc:docMk/>
              <pc:sldMasterMk cId="2523064765" sldId="2147483660"/>
              <pc:sldLayoutMk cId="787326472" sldId="2147483693"/>
              <ac:spMk id="12" creationId="{FB327327-50E0-4AA3-A3F9-F297582FC782}"/>
            </ac:spMkLst>
          </pc:spChg>
          <pc:spChg chg="mod">
            <ac:chgData name="Jaroslav Svarc" userId="99620f1e-badf-4d76-9b39-3d50f1a91e66" providerId="ADAL" clId="{372D74D7-F2D8-47F7-AA08-027D8B0796A6}" dt="2022-06-15T21:00:45.551" v="230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Jaroslav Svarc" userId="99620f1e-badf-4d76-9b39-3d50f1a91e66" providerId="ADAL" clId="{372D74D7-F2D8-47F7-AA08-027D8B0796A6}" dt="2022-06-15T21:00:46.194" v="440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Jaroslav Svarc" userId="99620f1e-badf-4d76-9b39-3d50f1a91e66" providerId="ADAL" clId="{372D74D7-F2D8-47F7-AA08-027D8B0796A6}" dt="2022-06-15T21:00:45.555" v="232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Jaroslav Svarc" userId="99620f1e-badf-4d76-9b39-3d50f1a91e66" providerId="ADAL" clId="{372D74D7-F2D8-47F7-AA08-027D8B0796A6}" dt="2022-06-15T21:00:45.546" v="227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544" v="226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55" v="506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Jaroslav Svarc" userId="99620f1e-badf-4d76-9b39-3d50f1a91e66" providerId="ADAL" clId="{372D74D7-F2D8-47F7-AA08-027D8B0796A6}" dt="2022-06-15T21:00:45.733" v="322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Jaroslav Svarc" userId="99620f1e-badf-4d76-9b39-3d50f1a91e66" providerId="ADAL" clId="{372D74D7-F2D8-47F7-AA08-027D8B0796A6}" dt="2022-06-15T21:00:45.730" v="321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Jaroslav Svarc" userId="99620f1e-badf-4d76-9b39-3d50f1a91e66" providerId="ADAL" clId="{372D74D7-F2D8-47F7-AA08-027D8B0796A6}" dt="2022-06-15T21:00:46.355" v="506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Jaroslav Svarc" userId="99620f1e-badf-4d76-9b39-3d50f1a91e66" providerId="ADAL" clId="{372D74D7-F2D8-47F7-AA08-027D8B0796A6}" dt="2022-06-15T21:00:45.738" v="324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480" v="539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Jaroslav Svarc" userId="99620f1e-badf-4d76-9b39-3d50f1a91e66" providerId="ADAL" clId="{372D74D7-F2D8-47F7-AA08-027D8B0796A6}" dt="2022-06-15T21:00:45.873" v="374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5.879" v="376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Jaroslav Svarc" userId="99620f1e-badf-4d76-9b39-3d50f1a91e66" providerId="ADAL" clId="{372D74D7-F2D8-47F7-AA08-027D8B0796A6}" dt="2022-06-15T21:00:45.876" v="375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480" v="539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Jaroslav Svarc" userId="99620f1e-badf-4d76-9b39-3d50f1a91e66" providerId="ADAL" clId="{372D74D7-F2D8-47F7-AA08-027D8B0796A6}" dt="2022-06-15T21:00:45.869" v="373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Jaroslav Svarc" userId="99620f1e-badf-4d76-9b39-3d50f1a91e66" providerId="ADAL" clId="{372D74D7-F2D8-47F7-AA08-027D8B0796A6}" dt="2022-06-15T21:00:45.883" v="378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296" v="479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Jaroslav Svarc" userId="99620f1e-badf-4d76-9b39-3d50f1a91e66" providerId="ADAL" clId="{372D74D7-F2D8-47F7-AA08-027D8B0796A6}" dt="2022-06-15T21:00:45.652" v="285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55" v="286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296" v="479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Jaroslav Svarc" userId="99620f1e-badf-4d76-9b39-3d50f1a91e66" providerId="ADAL" clId="{372D74D7-F2D8-47F7-AA08-027D8B0796A6}" dt="2022-06-15T21:00:45.659" v="288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02" v="482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Jaroslav Svarc" userId="99620f1e-badf-4d76-9b39-3d50f1a91e66" providerId="ADAL" clId="{372D74D7-F2D8-47F7-AA08-027D8B0796A6}" dt="2022-06-15T21:00:45.661" v="289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63" v="290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02" v="482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Jaroslav Svarc" userId="99620f1e-badf-4d76-9b39-3d50f1a91e66" providerId="ADAL" clId="{372D74D7-F2D8-47F7-AA08-027D8B0796A6}" dt="2022-06-15T21:00:45.666" v="292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10" v="485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Jaroslav Svarc" userId="99620f1e-badf-4d76-9b39-3d50f1a91e66" providerId="ADAL" clId="{372D74D7-F2D8-47F7-AA08-027D8B0796A6}" dt="2022-06-15T21:00:45.668" v="293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69" v="294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10" v="485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Jaroslav Svarc" userId="99620f1e-badf-4d76-9b39-3d50f1a91e66" providerId="ADAL" clId="{372D74D7-F2D8-47F7-AA08-027D8B0796A6}" dt="2022-06-15T21:00:45.673" v="296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16" v="488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Jaroslav Svarc" userId="99620f1e-badf-4d76-9b39-3d50f1a91e66" providerId="ADAL" clId="{372D74D7-F2D8-47F7-AA08-027D8B0796A6}" dt="2022-06-15T21:00:45.675" v="297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77" v="298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16" v="488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Jaroslav Svarc" userId="99620f1e-badf-4d76-9b39-3d50f1a91e66" providerId="ADAL" clId="{372D74D7-F2D8-47F7-AA08-027D8B0796A6}" dt="2022-06-15T21:00:45.681" v="300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24" v="491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Jaroslav Svarc" userId="99620f1e-badf-4d76-9b39-3d50f1a91e66" providerId="ADAL" clId="{372D74D7-F2D8-47F7-AA08-027D8B0796A6}" dt="2022-06-15T21:00:45.683" v="301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85" v="302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24" v="491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Jaroslav Svarc" userId="99620f1e-badf-4d76-9b39-3d50f1a91e66" providerId="ADAL" clId="{372D74D7-F2D8-47F7-AA08-027D8B0796A6}" dt="2022-06-15T21:00:45.690" v="304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30" v="494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Jaroslav Svarc" userId="99620f1e-badf-4d76-9b39-3d50f1a91e66" providerId="ADAL" clId="{372D74D7-F2D8-47F7-AA08-027D8B0796A6}" dt="2022-06-15T21:00:45.692" v="305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694" v="306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30" v="494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Jaroslav Svarc" userId="99620f1e-badf-4d76-9b39-3d50f1a91e66" providerId="ADAL" clId="{372D74D7-F2D8-47F7-AA08-027D8B0796A6}" dt="2022-06-15T21:00:45.698" v="308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36" v="49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Jaroslav Svarc" userId="99620f1e-badf-4d76-9b39-3d50f1a91e66" providerId="ADAL" clId="{372D74D7-F2D8-47F7-AA08-027D8B0796A6}" dt="2022-06-15T21:00:45.700" v="309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Jaroslav Svarc" userId="99620f1e-badf-4d76-9b39-3d50f1a91e66" providerId="ADAL" clId="{372D74D7-F2D8-47F7-AA08-027D8B0796A6}" dt="2022-06-15T21:00:45.702" v="310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36" v="49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Jaroslav Svarc" userId="99620f1e-badf-4d76-9b39-3d50f1a91e66" providerId="ADAL" clId="{372D74D7-F2D8-47F7-AA08-027D8B0796A6}" dt="2022-06-15T21:00:45.707" v="312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017" v="426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Jaroslav Svarc" userId="99620f1e-badf-4d76-9b39-3d50f1a91e66" providerId="ADAL" clId="{372D74D7-F2D8-47F7-AA08-027D8B0796A6}" dt="2022-06-15T21:00:46.015" v="425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Jaroslav Svarc" userId="99620f1e-badf-4d76-9b39-3d50f1a91e66" providerId="ADAL" clId="{372D74D7-F2D8-47F7-AA08-027D8B0796A6}" dt="2022-06-15T21:00:46.017" v="426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059" v="427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Jaroslav Svarc" userId="99620f1e-badf-4d76-9b39-3d50f1a91e66" providerId="ADAL" clId="{372D74D7-F2D8-47F7-AA08-027D8B0796A6}" dt="2022-06-15T21:00:46.059" v="427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349" v="503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Jaroslav Svarc" userId="99620f1e-badf-4d76-9b39-3d50f1a91e66" providerId="ADAL" clId="{372D74D7-F2D8-47F7-AA08-027D8B0796A6}" dt="2022-06-15T21:00:45.723" v="318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Jaroslav Svarc" userId="99620f1e-badf-4d76-9b39-3d50f1a91e66" providerId="ADAL" clId="{372D74D7-F2D8-47F7-AA08-027D8B0796A6}" dt="2022-06-15T21:00:45.720" v="317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349" v="503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Jaroslav Svarc" userId="99620f1e-badf-4d76-9b39-3d50f1a91e66" providerId="ADAL" clId="{372D74D7-F2D8-47F7-AA08-027D8B0796A6}" dt="2022-06-15T21:00:45.728" v="320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  <pc:sldLayoutChg chg="modSp mod">
          <pc:chgData name="Jaroslav Svarc" userId="99620f1e-badf-4d76-9b39-3d50f1a91e66" providerId="ADAL" clId="{372D74D7-F2D8-47F7-AA08-027D8B0796A6}" dt="2022-06-15T21:00:46.068" v="432" actId="790"/>
          <pc:sldLayoutMkLst>
            <pc:docMk/>
            <pc:sldMasterMk cId="2523064765" sldId="2147483660"/>
            <pc:sldLayoutMk cId="3348573920" sldId="2147483711"/>
          </pc:sldLayoutMkLst>
          <pc:spChg chg="mod">
            <ac:chgData name="Jaroslav Svarc" userId="99620f1e-badf-4d76-9b39-3d50f1a91e66" providerId="ADAL" clId="{372D74D7-F2D8-47F7-AA08-027D8B0796A6}" dt="2022-06-15T21:00:46.065" v="430" actId="790"/>
            <ac:spMkLst>
              <pc:docMk/>
              <pc:sldMasterMk cId="2523064765" sldId="2147483660"/>
              <pc:sldLayoutMk cId="3348573920" sldId="2147483711"/>
              <ac:spMk id="3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66" v="431" actId="790"/>
            <ac:spMkLst>
              <pc:docMk/>
              <pc:sldMasterMk cId="2523064765" sldId="2147483660"/>
              <pc:sldLayoutMk cId="3348573920" sldId="2147483711"/>
              <ac:spMk id="12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68" v="432" actId="790"/>
            <ac:spMkLst>
              <pc:docMk/>
              <pc:sldMasterMk cId="2523064765" sldId="2147483660"/>
              <pc:sldLayoutMk cId="3348573920" sldId="2147483711"/>
              <ac:spMk id="15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63" v="429" actId="790"/>
            <ac:spMkLst>
              <pc:docMk/>
              <pc:sldMasterMk cId="2523064765" sldId="2147483660"/>
              <pc:sldLayoutMk cId="3348573920" sldId="2147483711"/>
              <ac:spMk id="22530" creationId="{00000000-0000-0000-0000-000000000000}"/>
            </ac:spMkLst>
          </pc:spChg>
          <pc:spChg chg="mod">
            <ac:chgData name="Jaroslav Svarc" userId="99620f1e-badf-4d76-9b39-3d50f1a91e66" providerId="ADAL" clId="{372D74D7-F2D8-47F7-AA08-027D8B0796A6}" dt="2022-06-15T21:00:46.061" v="428" actId="790"/>
            <ac:spMkLst>
              <pc:docMk/>
              <pc:sldMasterMk cId="2523064765" sldId="2147483660"/>
              <pc:sldLayoutMk cId="3348573920" sldId="2147483711"/>
              <ac:spMk id="22531" creationId="{00000000-0000-0000-0000-000000000000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2/22109-FGB 101 004 Uen, Rev C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89AC36D6-BBFE-4E40-9170-3E31E39C3819}" type="slidenum">
              <a:rPr lang="en-US" smtClean="0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5937075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KKTS Sítě Plzeň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9-09-19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83088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KKTS Sítě Plzeň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9-09-19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9110357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KKTS Sítě Plzeň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9-09-19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306566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MINI-LINK The ultimate microwave toolbox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2019-06-12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44/221 09-FGB 101 004 Uen, Rev M 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52CB8EF-6A7A-4881-9036-EF927FFBADAA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4885440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2019-10-04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B432B4C-FC18-4CA6-892C-5F0A244C8FDD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MINI-LINK 6600 R1- Technical Presentation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1/221 09-FGC 101 2880 Uen, Rev AL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7976973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17750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KKTS Sítě Plzeň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9-09-19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482390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F8DF234-DA5D-4ED9-8A72-1EE4D70A5984}" type="datetime1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6/16/2022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57E0356C-CDB0-41C6-9C78-EE2519BC1DCA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9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MINI-LINK 6600 R1- Technical Presentation 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67801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 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>
                <a:solidFill>
                  <a:prstClr val="black"/>
                </a:solidFill>
              </a:rPr>
              <a:t>2019-09-19 </a:t>
            </a:r>
            <a:endParaRPr lang="en-US" dirty="0">
              <a:solidFill>
                <a:prstClr val="black"/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6582415-CD42-4E8C-968A-5FE6DE280300}" type="slidenum">
              <a:rPr lang="en-US" smtClean="0">
                <a:solidFill>
                  <a:prstClr val="black"/>
                </a:solidFill>
              </a:rPr>
              <a:t>10</a:t>
            </a:fld>
            <a:endParaRPr lang="en-US" dirty="0">
              <a:solidFill>
                <a:prstClr val="black"/>
              </a:solidFill>
            </a:endParaRPr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>
                <a:solidFill>
                  <a:prstClr val="black"/>
                </a:solidFill>
              </a:rPr>
              <a:t>KKTS Sítě Plzeň </a:t>
            </a:r>
            <a:endParaRPr lang="en-US" dirty="0">
              <a:solidFill>
                <a:prstClr val="black"/>
              </a:solidFill>
            </a:endParaRP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da-DK">
                <a:solidFill>
                  <a:prstClr val="black"/>
                </a:solidFill>
              </a:rPr>
              <a:t> </a:t>
            </a:r>
            <a:endParaRPr lang="en-US" dirty="0">
              <a:solidFill>
                <a:prstClr val="black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6543333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8-02-21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3589407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KKTS Sítě Plzeň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2019-09-19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938738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932272A4-5913-4E4D-B6FB-E7F37EEC317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B85DFC7A-6742-45BF-AB32-9873990D9CC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D072C3AB-31C6-4DC6-AC36-121B7A62DBC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40823AF7-5B53-45AB-8B69-F13B9FEE991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41E6D483-4128-4259-A511-CD767AC8C4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DE38ABE0-DE60-47B0-BB0D-328AE991964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B2B22B52-FD98-4219-A33C-039B097D870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17F73456-E113-4EA6-BB4F-34F1203FB61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EFA68AD7-6B03-4B7C-8345-AEA1423FAFB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5C0A4E17-504C-485D-9B6A-25A5A77D00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2AE35977-D654-4335-BDF4-29772A0A3D0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8D380B9B-A446-487B-A426-80A9C6FD6B8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A5DAFDE7-ADC2-4C50-9876-71466FCA7E8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863541D9-8FF8-4D7C-90C8-07A25FBCAA1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AB102316-915B-4496-9B69-47AD02610B0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FC4F9D00-2B92-493A-97D2-734763E22B2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F4007783-CEEE-4ACC-B823-5295A033B3C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AE6C949E-56F0-424B-8F66-16ED433D425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39A36F99-1F59-4397-AFA9-D8D3661A5F6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B627D828-0FC1-4024-8F9E-BFA76CEB83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46B98EDD-7B4E-4E8D-8AB9-0260B38C75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F4202CDB-B8DE-465A-A524-51F6D5BDE37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7B5501EA-4658-4F1E-A01A-A22E4DD8A8E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BA627747-A520-421A-8A42-78061A71DB5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F9D8730E-C2B3-43DF-A62F-6EA3AEC3C62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4704F3D1-1AC9-4C0C-BEB8-812F15C75C7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2C0A8358-82A7-4972-A6B4-668589264B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88F426AF-C678-4E4A-B857-70662A0352A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7AE5792A-31A7-4BE4-9096-CAFC8807A74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F7F247CB-4F15-40D3-A473-BF373EFE7A9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802A09E4-5BE9-4A3A-BF3C-1CDA6F218D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8968D6E0-3E47-42A3-9C6A-F10556D3D93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D6CA14D0-629B-4E77-89B8-906935C464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0477A842-0C25-4CD7-AACF-9FD4FD16CA2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9A980CBC-AB25-443A-BB1C-B7B065534C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2-06-16  |  Page </a:t>
            </a:r>
            <a:fld id="{8C4D3858-F86C-4162-94F8-1CE95561D3B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Black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37288"/>
            <a:ext cx="1910479" cy="287336"/>
          </a:xfrm>
          <a:prstGeom prst="rect">
            <a:avLst/>
          </a:prstGeom>
        </p:spPr>
        <p:txBody>
          <a:bodyPr wrap="none" anchor="b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37287"/>
            <a:ext cx="251504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3348573920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51EE410B-2A88-4AD0-A40D-5EA0DA8DA77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EE8B2AB1-E3A8-4484-89AF-E2AAD973A47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65E92E8E-CCCB-4E35-BA83-0F8699D76AD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5D9341F5-BB1A-4A24-AA1E-A616F1E00AE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06086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2-06-16  |  Page </a:t>
            </a:r>
            <a:fld id="{ACD43D43-81C2-4345-8170-774A3EF3E07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31c0e32a-68ac-4c88-bdc1-17538907d5ef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11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5.xml"/><Relationship Id="rId5" Type="http://schemas.openxmlformats.org/officeDocument/2006/relationships/image" Target="../media/image7.emf"/><Relationship Id="rId4" Type="http://schemas.openxmlformats.org/officeDocument/2006/relationships/hyperlink" Target="mailto:Jaroslav.Svarc@ericsson.com" TargetMode="Externa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61.svg"/><Relationship Id="rId3" Type="http://schemas.openxmlformats.org/officeDocument/2006/relationships/image" Target="../media/image56.png"/><Relationship Id="rId7" Type="http://schemas.openxmlformats.org/officeDocument/2006/relationships/image" Target="../media/image6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59.svg"/><Relationship Id="rId5" Type="http://schemas.openxmlformats.org/officeDocument/2006/relationships/image" Target="../media/image58.png"/><Relationship Id="rId4" Type="http://schemas.openxmlformats.org/officeDocument/2006/relationships/image" Target="../media/image57.sv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2.xml"/><Relationship Id="rId5" Type="http://schemas.openxmlformats.org/officeDocument/2006/relationships/image" Target="../media/image64.png"/><Relationship Id="rId4" Type="http://schemas.openxmlformats.org/officeDocument/2006/relationships/image" Target="../media/image6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67.png"/><Relationship Id="rId4" Type="http://schemas.openxmlformats.org/officeDocument/2006/relationships/image" Target="../media/image66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68.png"/><Relationship Id="rId4" Type="http://schemas.openxmlformats.org/officeDocument/2006/relationships/image" Target="../media/image67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70.png"/><Relationship Id="rId5" Type="http://schemas.openxmlformats.org/officeDocument/2006/relationships/image" Target="../media/image69.png"/><Relationship Id="rId4" Type="http://schemas.openxmlformats.org/officeDocument/2006/relationships/image" Target="../media/image68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72.png"/><Relationship Id="rId3" Type="http://schemas.openxmlformats.org/officeDocument/2006/relationships/image" Target="../media/image67.png"/><Relationship Id="rId7" Type="http://schemas.openxmlformats.org/officeDocument/2006/relationships/image" Target="../media/image7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70.png"/><Relationship Id="rId5" Type="http://schemas.openxmlformats.org/officeDocument/2006/relationships/image" Target="../media/image69.png"/><Relationship Id="rId4" Type="http://schemas.openxmlformats.org/officeDocument/2006/relationships/image" Target="../media/image6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9.xml"/><Relationship Id="rId5" Type="http://schemas.openxmlformats.org/officeDocument/2006/relationships/hyperlink" Target="https://www.ericsson.com/en/mobile-transport" TargetMode="External"/><Relationship Id="rId4" Type="http://schemas.openxmlformats.org/officeDocument/2006/relationships/hyperlink" Target="https://www.ericsson.com/en/reports-and-papers/microwave-outlook/reports/2021" TargetMode="Externa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13" Type="http://schemas.openxmlformats.org/officeDocument/2006/relationships/image" Target="../media/image18.png"/><Relationship Id="rId18" Type="http://schemas.openxmlformats.org/officeDocument/2006/relationships/image" Target="../media/image23.jpeg"/><Relationship Id="rId26" Type="http://schemas.openxmlformats.org/officeDocument/2006/relationships/image" Target="../media/image31.png"/><Relationship Id="rId3" Type="http://schemas.openxmlformats.org/officeDocument/2006/relationships/image" Target="../media/image8.png"/><Relationship Id="rId21" Type="http://schemas.openxmlformats.org/officeDocument/2006/relationships/image" Target="../media/image26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17" Type="http://schemas.openxmlformats.org/officeDocument/2006/relationships/image" Target="../media/image22.png"/><Relationship Id="rId25" Type="http://schemas.openxmlformats.org/officeDocument/2006/relationships/image" Target="../media/image30.png"/><Relationship Id="rId2" Type="http://schemas.openxmlformats.org/officeDocument/2006/relationships/notesSlide" Target="../notesSlides/notesSlide2.xml"/><Relationship Id="rId16" Type="http://schemas.openxmlformats.org/officeDocument/2006/relationships/image" Target="../media/image21.png"/><Relationship Id="rId20" Type="http://schemas.openxmlformats.org/officeDocument/2006/relationships/image" Target="../media/image25.png"/><Relationship Id="rId29" Type="http://schemas.openxmlformats.org/officeDocument/2006/relationships/image" Target="../media/image34.png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24" Type="http://schemas.openxmlformats.org/officeDocument/2006/relationships/image" Target="../media/image29.png"/><Relationship Id="rId5" Type="http://schemas.openxmlformats.org/officeDocument/2006/relationships/image" Target="../media/image10.png"/><Relationship Id="rId15" Type="http://schemas.openxmlformats.org/officeDocument/2006/relationships/image" Target="../media/image20.png"/><Relationship Id="rId23" Type="http://schemas.openxmlformats.org/officeDocument/2006/relationships/image" Target="../media/image28.png"/><Relationship Id="rId28" Type="http://schemas.openxmlformats.org/officeDocument/2006/relationships/image" Target="../media/image33.png"/><Relationship Id="rId10" Type="http://schemas.openxmlformats.org/officeDocument/2006/relationships/image" Target="../media/image15.jpeg"/><Relationship Id="rId19" Type="http://schemas.openxmlformats.org/officeDocument/2006/relationships/image" Target="../media/image24.png"/><Relationship Id="rId4" Type="http://schemas.openxmlformats.org/officeDocument/2006/relationships/image" Target="../media/image9.png"/><Relationship Id="rId9" Type="http://schemas.openxmlformats.org/officeDocument/2006/relationships/image" Target="../media/image14.jpeg"/><Relationship Id="rId14" Type="http://schemas.openxmlformats.org/officeDocument/2006/relationships/image" Target="../media/image19.png"/><Relationship Id="rId22" Type="http://schemas.openxmlformats.org/officeDocument/2006/relationships/image" Target="../media/image27.png"/><Relationship Id="rId27" Type="http://schemas.openxmlformats.org/officeDocument/2006/relationships/image" Target="../media/image32.png"/><Relationship Id="rId30" Type="http://schemas.openxmlformats.org/officeDocument/2006/relationships/image" Target="../media/image3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3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2.xml"/><Relationship Id="rId4" Type="http://schemas.openxmlformats.org/officeDocument/2006/relationships/image" Target="../media/image4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7" Type="http://schemas.openxmlformats.org/officeDocument/2006/relationships/image" Target="../media/image46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22.xml"/><Relationship Id="rId6" Type="http://schemas.openxmlformats.org/officeDocument/2006/relationships/image" Target="../media/image45.png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7" Type="http://schemas.openxmlformats.org/officeDocument/2006/relationships/image" Target="../media/image50.svg"/><Relationship Id="rId2" Type="http://schemas.openxmlformats.org/officeDocument/2006/relationships/slideLayout" Target="../slideLayouts/slideLayout22.xml"/><Relationship Id="rId1" Type="http://schemas.openxmlformats.org/officeDocument/2006/relationships/tags" Target="../tags/tag1.xml"/><Relationship Id="rId6" Type="http://schemas.openxmlformats.org/officeDocument/2006/relationships/image" Target="../media/image49.png"/><Relationship Id="rId5" Type="http://schemas.openxmlformats.org/officeDocument/2006/relationships/image" Target="../media/image48.png"/><Relationship Id="rId4" Type="http://schemas.openxmlformats.org/officeDocument/2006/relationships/image" Target="../media/image4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52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55.png"/><Relationship Id="rId4" Type="http://schemas.openxmlformats.org/officeDocument/2006/relationships/image" Target="../media/image54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3DFC32BE-45BB-4613-90EA-AB994076F0FC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79296"/>
            <a:ext cx="13249472" cy="745627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B965DB9-990D-42FA-8A96-AE9E2B1A33B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474004" cy="3457576"/>
          </a:xfrm>
        </p:spPr>
        <p:txBody>
          <a:bodyPr/>
          <a:lstStyle/>
          <a:p>
            <a:r>
              <a:rPr lang="en-US" dirty="0"/>
              <a:t>MINI-LINK 6371</a:t>
            </a:r>
            <a:br>
              <a:rPr lang="en-US" dirty="0">
                <a:solidFill>
                  <a:schemeClr val="bg1"/>
                </a:solidFill>
              </a:rPr>
            </a:br>
            <a:br>
              <a:rPr lang="en-US" dirty="0">
                <a:solidFill>
                  <a:schemeClr val="bg1"/>
                </a:solidFill>
              </a:rPr>
            </a:br>
            <a:br>
              <a:rPr lang="en-US">
                <a:solidFill>
                  <a:schemeClr val="bg1"/>
                </a:solidFill>
              </a:rPr>
            </a:br>
            <a:br>
              <a:rPr lang="en-US" sz="3600">
                <a:solidFill>
                  <a:schemeClr val="bg1"/>
                </a:solidFill>
              </a:rPr>
            </a:br>
            <a:r>
              <a:rPr lang="en-US" sz="4000">
                <a:solidFill>
                  <a:schemeClr val="bg1"/>
                </a:solidFill>
              </a:rPr>
              <a:t>Vnější jednotka pro standardní pásma a multiband systémy 6 – 80GHz</a:t>
            </a:r>
            <a:endParaRPr lang="en-US" sz="4000" dirty="0">
              <a:solidFill>
                <a:schemeClr val="bg1"/>
              </a:solidFill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3A7152E-1193-42D5-AAAE-792423D85737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240463" y="6228764"/>
            <a:ext cx="1910479" cy="287336"/>
          </a:xfrm>
        </p:spPr>
        <p:txBody>
          <a:bodyPr/>
          <a:lstStyle/>
          <a:p>
            <a:r>
              <a:rPr lang="en-US" dirty="0"/>
              <a:t>Jaroslav Švarc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986FD49-9B2F-4208-8540-5F97918FA12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150942" y="6209629"/>
            <a:ext cx="2515041" cy="287337"/>
          </a:xfrm>
        </p:spPr>
        <p:txBody>
          <a:bodyPr/>
          <a:lstStyle/>
          <a:p>
            <a:r>
              <a:rPr lang="en-US" dirty="0">
                <a:hlinkClick r:id="rId4"/>
              </a:rPr>
              <a:t>jaroslav.svarc@ericsson.com</a:t>
            </a:r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16FD6E6-EB04-48C7-AAF4-64C6EAFFEBA2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en-US" dirty="0"/>
              <a:t>5.5.2022</a:t>
            </a:r>
          </a:p>
        </p:txBody>
      </p:sp>
      <p:pic>
        <p:nvPicPr>
          <p:cNvPr id="9" name="Econ2011">
            <a:extLst>
              <a:ext uri="{FF2B5EF4-FFF2-40B4-BE49-F238E27FC236}">
                <a16:creationId xmlns:a16="http://schemas.microsoft.com/office/drawing/2014/main" id="{C395473F-87DD-4D4F-B5C7-FA0A29FB6493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490326" y="399523"/>
            <a:ext cx="222249" cy="2935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811442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479424" y="476250"/>
            <a:ext cx="10259733" cy="1081088"/>
          </a:xfrm>
        </p:spPr>
        <p:txBody>
          <a:bodyPr/>
          <a:lstStyle/>
          <a:p>
            <a:r>
              <a:rPr lang="en-US" dirty="0"/>
              <a:t>Multi-band Booster – </a:t>
            </a:r>
            <a:r>
              <a:rPr lang="en-US" dirty="0" err="1"/>
              <a:t>Kombinace</a:t>
            </a:r>
            <a:r>
              <a:rPr lang="en-US" dirty="0"/>
              <a:t> </a:t>
            </a:r>
            <a:r>
              <a:rPr lang="en-US" dirty="0" err="1"/>
              <a:t>frekvenční</a:t>
            </a:r>
            <a:r>
              <a:rPr lang="en-US" dirty="0"/>
              <a:t> </a:t>
            </a:r>
            <a:r>
              <a:rPr lang="en-US" dirty="0" err="1"/>
              <a:t>pásem</a:t>
            </a:r>
            <a:endParaRPr lang="en-US" dirty="0"/>
          </a:p>
        </p:txBody>
      </p:sp>
      <p:cxnSp>
        <p:nvCxnSpPr>
          <p:cNvPr id="170" name="Straight Connector 19"/>
          <p:cNvCxnSpPr/>
          <p:nvPr/>
        </p:nvCxnSpPr>
        <p:spPr bwMode="auto">
          <a:xfrm flipH="1">
            <a:off x="550262" y="4147067"/>
            <a:ext cx="1115568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cxnSp>
        <p:nvCxnSpPr>
          <p:cNvPr id="171" name="Straight Connector 100"/>
          <p:cNvCxnSpPr/>
          <p:nvPr/>
        </p:nvCxnSpPr>
        <p:spPr bwMode="auto">
          <a:xfrm flipH="1">
            <a:off x="563910" y="3624017"/>
            <a:ext cx="1115568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</p:spPr>
      </p:cxnSp>
      <p:grpSp>
        <p:nvGrpSpPr>
          <p:cNvPr id="5" name="Group 4">
            <a:extLst>
              <a:ext uri="{FF2B5EF4-FFF2-40B4-BE49-F238E27FC236}">
                <a16:creationId xmlns:a16="http://schemas.microsoft.com/office/drawing/2014/main" id="{66155D11-3169-480F-9FFB-A1C3A69BDB3E}"/>
              </a:ext>
            </a:extLst>
          </p:cNvPr>
          <p:cNvGrpSpPr/>
          <p:nvPr/>
        </p:nvGrpSpPr>
        <p:grpSpPr>
          <a:xfrm>
            <a:off x="9201671" y="1953749"/>
            <a:ext cx="2762174" cy="987361"/>
            <a:chOff x="8298892" y="1918205"/>
            <a:chExt cx="2762174" cy="987361"/>
          </a:xfrm>
        </p:grpSpPr>
        <p:sp>
          <p:nvSpPr>
            <p:cNvPr id="175" name="TextBox 36"/>
            <p:cNvSpPr txBox="1"/>
            <p:nvPr/>
          </p:nvSpPr>
          <p:spPr>
            <a:xfrm>
              <a:off x="8545781" y="1918205"/>
              <a:ext cx="2515285" cy="63094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cs-CZ" sz="1400" dirty="0"/>
                <a:t>Vysoká dostupnost </a:t>
              </a:r>
              <a:r>
                <a:rPr lang="en-US" sz="1400" dirty="0"/>
                <a:t>(99.995%) </a:t>
              </a:r>
            </a:p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cs-CZ" sz="1400" dirty="0"/>
                <a:t>Nižší dostupnost</a:t>
              </a:r>
              <a:r>
                <a:rPr lang="en-US" sz="1400" dirty="0"/>
                <a:t> (99.9%)</a:t>
              </a:r>
            </a:p>
          </p:txBody>
        </p:sp>
        <p:sp>
          <p:nvSpPr>
            <p:cNvPr id="176" name="Rectangle 6"/>
            <p:cNvSpPr/>
            <p:nvPr/>
          </p:nvSpPr>
          <p:spPr bwMode="auto">
            <a:xfrm>
              <a:off x="8298892" y="1945501"/>
              <a:ext cx="216000" cy="216000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endParaRPr lang="en-US">
                <a:solidFill>
                  <a:srgbClr val="58585A"/>
                </a:solidFill>
              </a:endParaRPr>
            </a:p>
          </p:txBody>
        </p:sp>
        <p:sp>
          <p:nvSpPr>
            <p:cNvPr id="177" name="Rectangle 53"/>
            <p:cNvSpPr/>
            <p:nvPr/>
          </p:nvSpPr>
          <p:spPr bwMode="auto">
            <a:xfrm>
              <a:off x="8298892" y="2234381"/>
              <a:ext cx="216000" cy="216000"/>
            </a:xfrm>
            <a:prstGeom prst="rect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endParaRPr lang="en-US">
                <a:solidFill>
                  <a:srgbClr val="58585A"/>
                </a:solidFill>
              </a:endParaRPr>
            </a:p>
          </p:txBody>
        </p:sp>
        <p:sp>
          <p:nvSpPr>
            <p:cNvPr id="178" name="TextBox 102"/>
            <p:cNvSpPr txBox="1"/>
            <p:nvPr/>
          </p:nvSpPr>
          <p:spPr>
            <a:xfrm>
              <a:off x="8545780" y="2597789"/>
              <a:ext cx="1165989" cy="307777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en-US" sz="1400" dirty="0"/>
                <a:t>Multi-band</a:t>
              </a:r>
            </a:p>
          </p:txBody>
        </p:sp>
        <p:cxnSp>
          <p:nvCxnSpPr>
            <p:cNvPr id="179" name="Straight Arrow Connector 103"/>
            <p:cNvCxnSpPr/>
            <p:nvPr/>
          </p:nvCxnSpPr>
          <p:spPr bwMode="auto">
            <a:xfrm rot="16200000">
              <a:off x="8262892" y="2740049"/>
              <a:ext cx="288000" cy="0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round/>
              <a:headEnd type="oval" w="med" len="med"/>
              <a:tailEnd type="oval" w="med" len="med"/>
            </a:ln>
            <a:effectLst/>
          </p:spPr>
        </p:cxnSp>
      </p:grpSp>
      <p:grpSp>
        <p:nvGrpSpPr>
          <p:cNvPr id="84" name="Group 83">
            <a:extLst>
              <a:ext uri="{FF2B5EF4-FFF2-40B4-BE49-F238E27FC236}">
                <a16:creationId xmlns:a16="http://schemas.microsoft.com/office/drawing/2014/main" id="{D99C2BB8-3133-4B34-B9EC-E25241907FCB}"/>
              </a:ext>
            </a:extLst>
          </p:cNvPr>
          <p:cNvGrpSpPr/>
          <p:nvPr/>
        </p:nvGrpSpPr>
        <p:grpSpPr>
          <a:xfrm>
            <a:off x="3423111" y="1878013"/>
            <a:ext cx="1796820" cy="4172812"/>
            <a:chOff x="3423111" y="1878013"/>
            <a:chExt cx="1796820" cy="4172812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ED9584FD-3424-4B5A-B995-F6BA97CDC998}"/>
                </a:ext>
              </a:extLst>
            </p:cNvPr>
            <p:cNvGrpSpPr/>
            <p:nvPr/>
          </p:nvGrpSpPr>
          <p:grpSpPr>
            <a:xfrm>
              <a:off x="3892534" y="1878013"/>
              <a:ext cx="817262" cy="2120376"/>
              <a:chOff x="3892534" y="1878013"/>
              <a:chExt cx="817262" cy="2120376"/>
            </a:xfrm>
          </p:grpSpPr>
          <p:sp>
            <p:nvSpPr>
              <p:cNvPr id="118" name="Rectangle 40"/>
              <p:cNvSpPr/>
              <p:nvPr/>
            </p:nvSpPr>
            <p:spPr bwMode="auto">
              <a:xfrm>
                <a:off x="3892534" y="1878013"/>
                <a:ext cx="817262" cy="1605600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none" lIns="72000" tIns="45720" rIns="72000" bIns="45720" numCol="1" rtlCol="0" anchor="t" anchorCtr="0" compatLnSpc="1">
                <a:prstTxWarp prst="textNoShape">
                  <a:avLst/>
                </a:prstTxWarp>
              </a:bodyPr>
              <a:lstStyle/>
              <a:p>
                <a:pPr eaLnBrk="1" hangingPunct="1">
                  <a:spcBef>
                    <a:spcPct val="50000"/>
                  </a:spcBef>
                </a:pPr>
                <a:endParaRPr lang="en-US">
                  <a:solidFill>
                    <a:srgbClr val="E32119"/>
                  </a:solidFill>
                </a:endParaRPr>
              </a:p>
            </p:txBody>
          </p:sp>
          <p:sp>
            <p:nvSpPr>
              <p:cNvPr id="119" name="Rectangle 41"/>
              <p:cNvSpPr/>
              <p:nvPr/>
            </p:nvSpPr>
            <p:spPr bwMode="auto">
              <a:xfrm>
                <a:off x="3892534" y="3818389"/>
                <a:ext cx="817262" cy="180000"/>
              </a:xfrm>
              <a:prstGeom prst="rect">
                <a:avLst/>
              </a:prstGeom>
              <a:solidFill>
                <a:schemeClr val="accent2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none" lIns="72000" tIns="45720" rIns="72000" bIns="45720" numCol="1" rtlCol="0" anchor="t" anchorCtr="0" compatLnSpc="1">
                <a:prstTxWarp prst="textNoShape">
                  <a:avLst/>
                </a:prstTxWarp>
              </a:bodyPr>
              <a:lstStyle/>
              <a:p>
                <a:pPr eaLnBrk="1" hangingPunct="1">
                  <a:spcBef>
                    <a:spcPct val="50000"/>
                  </a:spcBef>
                </a:pPr>
                <a:endParaRPr lang="en-US">
                  <a:solidFill>
                    <a:srgbClr val="E32119"/>
                  </a:solidFill>
                </a:endParaRPr>
              </a:p>
            </p:txBody>
          </p:sp>
          <p:cxnSp>
            <p:nvCxnSpPr>
              <p:cNvPr id="126" name="Straight Arrow Connector 29"/>
              <p:cNvCxnSpPr/>
              <p:nvPr/>
            </p:nvCxnSpPr>
            <p:spPr bwMode="auto">
              <a:xfrm rot="16200000">
                <a:off x="3697936" y="3321986"/>
                <a:ext cx="1188000" cy="0"/>
              </a:xfrm>
              <a:prstGeom prst="straightConnector1">
                <a:avLst/>
              </a:prstGeom>
              <a:solidFill>
                <a:schemeClr val="accent1"/>
              </a:solidFill>
              <a:ln w="25400" cap="flat" cmpd="sng" algn="ctr">
                <a:solidFill>
                  <a:schemeClr val="tx1"/>
                </a:solidFill>
                <a:prstDash val="solid"/>
                <a:round/>
                <a:headEnd type="oval" w="med" len="med"/>
                <a:tailEnd type="oval" w="med" len="med"/>
              </a:ln>
              <a:effectLst/>
            </p:spPr>
          </p:cxnSp>
        </p:grpSp>
        <p:grpSp>
          <p:nvGrpSpPr>
            <p:cNvPr id="13" name="Group 12">
              <a:extLst>
                <a:ext uri="{FF2B5EF4-FFF2-40B4-BE49-F238E27FC236}">
                  <a16:creationId xmlns:a16="http://schemas.microsoft.com/office/drawing/2014/main" id="{AAB6EF13-2E07-4BEE-91B5-98E6058BD3E7}"/>
                </a:ext>
              </a:extLst>
            </p:cNvPr>
            <p:cNvGrpSpPr/>
            <p:nvPr/>
          </p:nvGrpSpPr>
          <p:grpSpPr>
            <a:xfrm>
              <a:off x="3423111" y="5480569"/>
              <a:ext cx="1796820" cy="570256"/>
              <a:chOff x="3423111" y="5480569"/>
              <a:chExt cx="1796820" cy="570256"/>
            </a:xfrm>
          </p:grpSpPr>
          <p:pic>
            <p:nvPicPr>
              <p:cNvPr id="66" name="Graphic 65">
                <a:extLst>
                  <a:ext uri="{FF2B5EF4-FFF2-40B4-BE49-F238E27FC236}">
                    <a16:creationId xmlns:a16="http://schemas.microsoft.com/office/drawing/2014/main" id="{E9E1FDD3-F804-4A55-A885-70092679971E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3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4"/>
                  </a:ext>
                </a:extLst>
              </a:blip>
              <a:srcRect r="37852"/>
              <a:stretch/>
            </p:blipFill>
            <p:spPr>
              <a:xfrm>
                <a:off x="4727327" y="5555424"/>
                <a:ext cx="492604" cy="495401"/>
              </a:xfrm>
              <a:prstGeom prst="rect">
                <a:avLst/>
              </a:prstGeom>
            </p:spPr>
          </p:pic>
          <p:pic>
            <p:nvPicPr>
              <p:cNvPr id="67" name="Graphic 66">
                <a:extLst>
                  <a:ext uri="{FF2B5EF4-FFF2-40B4-BE49-F238E27FC236}">
                    <a16:creationId xmlns:a16="http://schemas.microsoft.com/office/drawing/2014/main" id="{D1D68601-9E6A-40C3-BCF6-4C2510A00954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3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4"/>
                  </a:ext>
                </a:extLst>
              </a:blip>
              <a:srcRect r="37852"/>
              <a:stretch/>
            </p:blipFill>
            <p:spPr>
              <a:xfrm>
                <a:off x="4106341" y="5555424"/>
                <a:ext cx="492604" cy="495401"/>
              </a:xfrm>
              <a:prstGeom prst="rect">
                <a:avLst/>
              </a:prstGeom>
            </p:spPr>
          </p:pic>
          <p:pic>
            <p:nvPicPr>
              <p:cNvPr id="68" name="Graphic 67">
                <a:extLst>
                  <a:ext uri="{FF2B5EF4-FFF2-40B4-BE49-F238E27FC236}">
                    <a16:creationId xmlns:a16="http://schemas.microsoft.com/office/drawing/2014/main" id="{13099FB0-B09E-49D8-9BE8-66FAD2AC774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5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rcRect t="21477"/>
              <a:stretch/>
            </p:blipFill>
            <p:spPr>
              <a:xfrm>
                <a:off x="3423111" y="5480569"/>
                <a:ext cx="547156" cy="570256"/>
              </a:xfrm>
              <a:prstGeom prst="rect">
                <a:avLst/>
              </a:prstGeom>
            </p:spPr>
          </p:pic>
        </p:grpSp>
        <p:grpSp>
          <p:nvGrpSpPr>
            <p:cNvPr id="116" name="Group 115">
              <a:extLst>
                <a:ext uri="{FF2B5EF4-FFF2-40B4-BE49-F238E27FC236}">
                  <a16:creationId xmlns:a16="http://schemas.microsoft.com/office/drawing/2014/main" id="{1D260E13-6CB3-489D-ADF0-794BCCD082DB}"/>
                </a:ext>
              </a:extLst>
            </p:cNvPr>
            <p:cNvGrpSpPr/>
            <p:nvPr/>
          </p:nvGrpSpPr>
          <p:grpSpPr>
            <a:xfrm>
              <a:off x="3787411" y="4479679"/>
              <a:ext cx="1082138" cy="431431"/>
              <a:chOff x="1527553" y="4767564"/>
              <a:chExt cx="1732516" cy="690726"/>
            </a:xfrm>
          </p:grpSpPr>
          <p:pic>
            <p:nvPicPr>
              <p:cNvPr id="117" name="Content Placeholder 9">
                <a:extLst>
                  <a:ext uri="{FF2B5EF4-FFF2-40B4-BE49-F238E27FC236}">
                    <a16:creationId xmlns:a16="http://schemas.microsoft.com/office/drawing/2014/main" id="{396D0942-EDD8-47DC-AAA0-B078E390A4EE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>
                <a:off x="1527553" y="4767564"/>
                <a:ext cx="530557" cy="690726"/>
              </a:xfrm>
              <a:prstGeom prst="rect">
                <a:avLst/>
              </a:prstGeom>
            </p:spPr>
          </p:pic>
          <p:pic>
            <p:nvPicPr>
              <p:cNvPr id="120" name="Content Placeholder 9">
                <a:extLst>
                  <a:ext uri="{FF2B5EF4-FFF2-40B4-BE49-F238E27FC236}">
                    <a16:creationId xmlns:a16="http://schemas.microsoft.com/office/drawing/2014/main" id="{75DC6C6D-2FC4-423F-A2C8-2CD58EECC6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 flipH="1">
                <a:off x="2729511" y="4767564"/>
                <a:ext cx="530558" cy="690726"/>
              </a:xfrm>
              <a:prstGeom prst="rect">
                <a:avLst/>
              </a:prstGeom>
            </p:spPr>
          </p:pic>
        </p:grp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022C621-784D-48C4-9555-5EE9F180CEA1}"/>
              </a:ext>
            </a:extLst>
          </p:cNvPr>
          <p:cNvGrpSpPr/>
          <p:nvPr/>
        </p:nvGrpSpPr>
        <p:grpSpPr>
          <a:xfrm>
            <a:off x="487955" y="1878013"/>
            <a:ext cx="2391060" cy="4528105"/>
            <a:chOff x="487955" y="1878013"/>
            <a:chExt cx="2391060" cy="4528105"/>
          </a:xfrm>
        </p:grpSpPr>
        <p:sp>
          <p:nvSpPr>
            <p:cNvPr id="95" name="Rectangle 39"/>
            <p:cNvSpPr/>
            <p:nvPr/>
          </p:nvSpPr>
          <p:spPr bwMode="auto">
            <a:xfrm>
              <a:off x="2352565" y="1878013"/>
              <a:ext cx="288000" cy="1605600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endParaRPr lang="en-US">
                <a:solidFill>
                  <a:srgbClr val="E32119"/>
                </a:solidFill>
              </a:endParaRPr>
            </a:p>
          </p:txBody>
        </p:sp>
        <p:sp>
          <p:nvSpPr>
            <p:cNvPr id="137" name="TextBox 31"/>
            <p:cNvSpPr txBox="1"/>
            <p:nvPr/>
          </p:nvSpPr>
          <p:spPr>
            <a:xfrm>
              <a:off x="487956" y="2364820"/>
              <a:ext cx="1942341" cy="52322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cs-CZ" sz="1400" dirty="0"/>
                <a:t>Široké kanály v pásmech </a:t>
              </a:r>
              <a:r>
                <a:rPr lang="en-US" sz="1400" dirty="0"/>
                <a:t>70/80 GHz</a:t>
              </a:r>
            </a:p>
          </p:txBody>
        </p:sp>
        <p:sp>
          <p:nvSpPr>
            <p:cNvPr id="138" name="TextBox 32"/>
            <p:cNvSpPr txBox="1"/>
            <p:nvPr/>
          </p:nvSpPr>
          <p:spPr>
            <a:xfrm>
              <a:off x="487957" y="3645281"/>
              <a:ext cx="1942341" cy="52322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cs-CZ" sz="1400" dirty="0"/>
                <a:t>Široké kanály v pásmech </a:t>
              </a:r>
              <a:r>
                <a:rPr lang="en-US" sz="1400" dirty="0"/>
                <a:t>18-42 GHz</a:t>
              </a:r>
            </a:p>
          </p:txBody>
        </p:sp>
        <p:sp>
          <p:nvSpPr>
            <p:cNvPr id="139" name="TextBox 33"/>
            <p:cNvSpPr txBox="1"/>
            <p:nvPr/>
          </p:nvSpPr>
          <p:spPr>
            <a:xfrm>
              <a:off x="487955" y="4260165"/>
              <a:ext cx="1145363" cy="52322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eaLnBrk="1" hangingPunct="1">
                <a:spcBef>
                  <a:spcPct val="50000"/>
                </a:spcBef>
                <a:buNone/>
              </a:pPr>
              <a:r>
                <a:rPr lang="cs-CZ" sz="1400" dirty="0"/>
                <a:t>Úzké kanály</a:t>
              </a:r>
              <a:r>
                <a:rPr lang="en-US" sz="1400" dirty="0"/>
                <a:t> 6-15 GHz</a:t>
              </a:r>
            </a:p>
          </p:txBody>
        </p:sp>
        <p:sp>
          <p:nvSpPr>
            <p:cNvPr id="172" name="TextBox 23"/>
            <p:cNvSpPr txBox="1"/>
            <p:nvPr/>
          </p:nvSpPr>
          <p:spPr>
            <a:xfrm>
              <a:off x="1030294" y="6067564"/>
              <a:ext cx="1815152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ctr" eaLnBrk="1" hangingPunct="1">
                <a:spcBef>
                  <a:spcPct val="50000"/>
                </a:spcBef>
                <a:buNone/>
              </a:pPr>
              <a:r>
                <a:rPr lang="en-US" sz="1600" dirty="0"/>
                <a:t>Dense urban</a:t>
              </a:r>
            </a:p>
          </p:txBody>
        </p:sp>
        <p:pic>
          <p:nvPicPr>
            <p:cNvPr id="69" name="Graphic 68">
              <a:extLst>
                <a:ext uri="{FF2B5EF4-FFF2-40B4-BE49-F238E27FC236}">
                  <a16:creationId xmlns:a16="http://schemas.microsoft.com/office/drawing/2014/main" id="{14ADE40E-0D57-44D5-8027-E8B29B48AB9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 t="21477"/>
            <a:stretch/>
          </p:blipFill>
          <p:spPr>
            <a:xfrm>
              <a:off x="2331859" y="5480569"/>
              <a:ext cx="547156" cy="570256"/>
            </a:xfrm>
            <a:prstGeom prst="rect">
              <a:avLst/>
            </a:prstGeom>
          </p:spPr>
        </p:pic>
        <p:pic>
          <p:nvPicPr>
            <p:cNvPr id="70" name="Graphic 69">
              <a:extLst>
                <a:ext uri="{FF2B5EF4-FFF2-40B4-BE49-F238E27FC236}">
                  <a16:creationId xmlns:a16="http://schemas.microsoft.com/office/drawing/2014/main" id="{A5292AF8-6598-4610-B975-AFC157A08CC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 t="21477"/>
            <a:stretch/>
          </p:blipFill>
          <p:spPr>
            <a:xfrm>
              <a:off x="1638151" y="5480569"/>
              <a:ext cx="547156" cy="570256"/>
            </a:xfrm>
            <a:prstGeom prst="rect">
              <a:avLst/>
            </a:prstGeom>
          </p:spPr>
        </p:pic>
        <p:pic>
          <p:nvPicPr>
            <p:cNvPr id="73" name="Graphic 72">
              <a:extLst>
                <a:ext uri="{FF2B5EF4-FFF2-40B4-BE49-F238E27FC236}">
                  <a16:creationId xmlns:a16="http://schemas.microsoft.com/office/drawing/2014/main" id="{13A286F7-4F07-4FC7-8E23-ED02F21868D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rcRect t="21477"/>
            <a:stretch/>
          </p:blipFill>
          <p:spPr>
            <a:xfrm>
              <a:off x="944444" y="5480569"/>
              <a:ext cx="547156" cy="570256"/>
            </a:xfrm>
            <a:prstGeom prst="rect">
              <a:avLst/>
            </a:prstGeom>
          </p:spPr>
        </p:pic>
        <p:grpSp>
          <p:nvGrpSpPr>
            <p:cNvPr id="132" name="Group 131">
              <a:extLst>
                <a:ext uri="{FF2B5EF4-FFF2-40B4-BE49-F238E27FC236}">
                  <a16:creationId xmlns:a16="http://schemas.microsoft.com/office/drawing/2014/main" id="{953F6639-C759-4292-8E51-FE7DFAFB5044}"/>
                </a:ext>
              </a:extLst>
            </p:cNvPr>
            <p:cNvGrpSpPr/>
            <p:nvPr/>
          </p:nvGrpSpPr>
          <p:grpSpPr>
            <a:xfrm>
              <a:off x="2052678" y="4479679"/>
              <a:ext cx="690850" cy="431431"/>
              <a:chOff x="1527553" y="4767564"/>
              <a:chExt cx="1106059" cy="690726"/>
            </a:xfrm>
          </p:grpSpPr>
          <p:pic>
            <p:nvPicPr>
              <p:cNvPr id="147" name="Content Placeholder 9">
                <a:extLst>
                  <a:ext uri="{FF2B5EF4-FFF2-40B4-BE49-F238E27FC236}">
                    <a16:creationId xmlns:a16="http://schemas.microsoft.com/office/drawing/2014/main" id="{127542AC-4757-4E12-825A-011E86AD565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>
                <a:off x="1527553" y="4767564"/>
                <a:ext cx="530557" cy="690726"/>
              </a:xfrm>
              <a:prstGeom prst="rect">
                <a:avLst/>
              </a:prstGeom>
            </p:spPr>
          </p:pic>
          <p:pic>
            <p:nvPicPr>
              <p:cNvPr id="148" name="Content Placeholder 9">
                <a:extLst>
                  <a:ext uri="{FF2B5EF4-FFF2-40B4-BE49-F238E27FC236}">
                    <a16:creationId xmlns:a16="http://schemas.microsoft.com/office/drawing/2014/main" id="{4DB86C84-59B5-4C5C-85D5-1C56E7869A8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 flipH="1">
                <a:off x="2103055" y="4767564"/>
                <a:ext cx="530557" cy="690726"/>
              </a:xfrm>
              <a:prstGeom prst="rect">
                <a:avLst/>
              </a:prstGeom>
            </p:spPr>
          </p:pic>
        </p:grpSp>
      </p:grpSp>
      <p:grpSp>
        <p:nvGrpSpPr>
          <p:cNvPr id="83" name="Group 82">
            <a:extLst>
              <a:ext uri="{FF2B5EF4-FFF2-40B4-BE49-F238E27FC236}">
                <a16:creationId xmlns:a16="http://schemas.microsoft.com/office/drawing/2014/main" id="{84093004-D342-43E6-9D23-C880625267E1}"/>
              </a:ext>
            </a:extLst>
          </p:cNvPr>
          <p:cNvGrpSpPr/>
          <p:nvPr/>
        </p:nvGrpSpPr>
        <p:grpSpPr>
          <a:xfrm>
            <a:off x="5748457" y="3818389"/>
            <a:ext cx="1915481" cy="2232436"/>
            <a:chOff x="5748457" y="3818389"/>
            <a:chExt cx="1915481" cy="2232436"/>
          </a:xfrm>
        </p:grpSpPr>
        <p:sp>
          <p:nvSpPr>
            <p:cNvPr id="130" name="Rectangle 42"/>
            <p:cNvSpPr/>
            <p:nvPr/>
          </p:nvSpPr>
          <p:spPr bwMode="auto">
            <a:xfrm>
              <a:off x="5754173" y="3818389"/>
              <a:ext cx="1686812" cy="180000"/>
            </a:xfrm>
            <a:prstGeom prst="rect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eaLnBrk="1" hangingPunct="1">
                <a:spcBef>
                  <a:spcPct val="50000"/>
                </a:spcBef>
              </a:pPr>
              <a:endParaRPr lang="en-US">
                <a:solidFill>
                  <a:srgbClr val="E32119"/>
                </a:solidFill>
              </a:endParaRPr>
            </a:p>
          </p:txBody>
        </p:sp>
        <p:sp>
          <p:nvSpPr>
            <p:cNvPr id="71" name="Rectangle 41"/>
            <p:cNvSpPr/>
            <p:nvPr/>
          </p:nvSpPr>
          <p:spPr bwMode="auto">
            <a:xfrm>
              <a:off x="5754174" y="4238184"/>
              <a:ext cx="1686812" cy="82296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eaLnBrk="1" hangingPunct="1">
                <a:spcBef>
                  <a:spcPct val="50000"/>
                </a:spcBef>
              </a:pPr>
              <a:endParaRPr lang="en-US">
                <a:solidFill>
                  <a:srgbClr val="E32119"/>
                </a:solidFill>
              </a:endParaRPr>
            </a:p>
          </p:txBody>
        </p:sp>
        <p:cxnSp>
          <p:nvCxnSpPr>
            <p:cNvPr id="134" name="Straight Arrow Connector 30"/>
            <p:cNvCxnSpPr/>
            <p:nvPr/>
          </p:nvCxnSpPr>
          <p:spPr bwMode="auto">
            <a:xfrm flipV="1">
              <a:off x="6597579" y="3894404"/>
              <a:ext cx="0" cy="384048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round/>
              <a:headEnd type="oval" w="med" len="med"/>
              <a:tailEnd type="oval" w="med" len="med"/>
            </a:ln>
            <a:effectLst/>
          </p:spPr>
        </p:cxnSp>
        <p:pic>
          <p:nvPicPr>
            <p:cNvPr id="64" name="Graphic 63">
              <a:extLst>
                <a:ext uri="{FF2B5EF4-FFF2-40B4-BE49-F238E27FC236}">
                  <a16:creationId xmlns:a16="http://schemas.microsoft.com/office/drawing/2014/main" id="{11B1B493-7B1C-496B-9855-70DEC1DF499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 r="37852"/>
            <a:stretch/>
          </p:blipFill>
          <p:spPr>
            <a:xfrm>
              <a:off x="6436937" y="5555424"/>
              <a:ext cx="492604" cy="495401"/>
            </a:xfrm>
            <a:prstGeom prst="rect">
              <a:avLst/>
            </a:prstGeom>
          </p:spPr>
        </p:pic>
        <p:pic>
          <p:nvPicPr>
            <p:cNvPr id="65" name="Graphic 64">
              <a:extLst>
                <a:ext uri="{FF2B5EF4-FFF2-40B4-BE49-F238E27FC236}">
                  <a16:creationId xmlns:a16="http://schemas.microsoft.com/office/drawing/2014/main" id="{92084C92-DDCE-4435-8D37-C5B6DF1F46A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rcRect r="37852"/>
            <a:stretch/>
          </p:blipFill>
          <p:spPr>
            <a:xfrm>
              <a:off x="5819291" y="5555424"/>
              <a:ext cx="492604" cy="495401"/>
            </a:xfrm>
            <a:prstGeom prst="rect">
              <a:avLst/>
            </a:prstGeom>
          </p:spPr>
        </p:pic>
        <p:grpSp>
          <p:nvGrpSpPr>
            <p:cNvPr id="121" name="Group 120">
              <a:extLst>
                <a:ext uri="{FF2B5EF4-FFF2-40B4-BE49-F238E27FC236}">
                  <a16:creationId xmlns:a16="http://schemas.microsoft.com/office/drawing/2014/main" id="{080BF426-DD28-41BF-9463-9F8F34DFEF27}"/>
                </a:ext>
              </a:extLst>
            </p:cNvPr>
            <p:cNvGrpSpPr/>
            <p:nvPr/>
          </p:nvGrpSpPr>
          <p:grpSpPr>
            <a:xfrm>
              <a:off x="5748457" y="4479679"/>
              <a:ext cx="1680964" cy="431431"/>
              <a:chOff x="1622001" y="4767564"/>
              <a:chExt cx="2691244" cy="690726"/>
            </a:xfrm>
          </p:grpSpPr>
          <p:pic>
            <p:nvPicPr>
              <p:cNvPr id="122" name="Content Placeholder 9">
                <a:extLst>
                  <a:ext uri="{FF2B5EF4-FFF2-40B4-BE49-F238E27FC236}">
                    <a16:creationId xmlns:a16="http://schemas.microsoft.com/office/drawing/2014/main" id="{909BFA30-1C31-49C5-98FF-F30693B6D5A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>
                <a:off x="1622001" y="4767564"/>
                <a:ext cx="530558" cy="690726"/>
              </a:xfrm>
              <a:prstGeom prst="rect">
                <a:avLst/>
              </a:prstGeom>
            </p:spPr>
          </p:pic>
          <p:pic>
            <p:nvPicPr>
              <p:cNvPr id="123" name="Content Placeholder 9">
                <a:extLst>
                  <a:ext uri="{FF2B5EF4-FFF2-40B4-BE49-F238E27FC236}">
                    <a16:creationId xmlns:a16="http://schemas.microsoft.com/office/drawing/2014/main" id="{25397C26-02A1-42A0-8A8F-9F7AAFD0E5D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 flipH="1">
                <a:off x="3782687" y="4767564"/>
                <a:ext cx="530558" cy="690726"/>
              </a:xfrm>
              <a:prstGeom prst="rect">
                <a:avLst/>
              </a:prstGeom>
            </p:spPr>
          </p:pic>
        </p:grpSp>
        <p:grpSp>
          <p:nvGrpSpPr>
            <p:cNvPr id="81" name="Group 80">
              <a:extLst>
                <a:ext uri="{FF2B5EF4-FFF2-40B4-BE49-F238E27FC236}">
                  <a16:creationId xmlns:a16="http://schemas.microsoft.com/office/drawing/2014/main" id="{0894A3C4-B50B-4D68-9F96-0ED9AAE0460B}"/>
                </a:ext>
              </a:extLst>
            </p:cNvPr>
            <p:cNvGrpSpPr/>
            <p:nvPr/>
          </p:nvGrpSpPr>
          <p:grpSpPr>
            <a:xfrm>
              <a:off x="6986099" y="5185581"/>
              <a:ext cx="677839" cy="865244"/>
              <a:chOff x="7210687" y="5185581"/>
              <a:chExt cx="677839" cy="865244"/>
            </a:xfrm>
          </p:grpSpPr>
          <p:sp>
            <p:nvSpPr>
              <p:cNvPr id="74" name="Freeform: Shape 73">
                <a:extLst>
                  <a:ext uri="{FF2B5EF4-FFF2-40B4-BE49-F238E27FC236}">
                    <a16:creationId xmlns:a16="http://schemas.microsoft.com/office/drawing/2014/main" id="{FD00926D-AFDA-46C9-A5B7-5F315A109B1E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47FD0836-6E60-451D-8F9A-1F004886111B}"/>
                  </a:ext>
                </a:extLst>
              </p:cNvPr>
              <p:cNvCxnSpPr>
                <a:cxnSpLocks/>
                <a:stCxn id="74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C745FA5E-0A32-4F61-9C1E-5CDE9DA6FF00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23" name="Straight Connector 22">
                <a:extLst>
                  <a:ext uri="{FF2B5EF4-FFF2-40B4-BE49-F238E27FC236}">
                    <a16:creationId xmlns:a16="http://schemas.microsoft.com/office/drawing/2014/main" id="{C1D20468-CAB3-40F3-9E54-FCC2F55E4E54}"/>
                  </a:ext>
                </a:extLst>
              </p:cNvPr>
              <p:cNvCxnSpPr>
                <a:cxnSpLocks/>
                <a:endCxn id="74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F8FAB0B9-BE2C-4E67-BA77-CA95C7C04639}"/>
              </a:ext>
            </a:extLst>
          </p:cNvPr>
          <p:cNvGrpSpPr/>
          <p:nvPr/>
        </p:nvGrpSpPr>
        <p:grpSpPr>
          <a:xfrm>
            <a:off x="8349551" y="3818389"/>
            <a:ext cx="3418805" cy="2587729"/>
            <a:chOff x="8349551" y="3818389"/>
            <a:chExt cx="3418805" cy="2587729"/>
          </a:xfrm>
        </p:grpSpPr>
        <p:sp>
          <p:nvSpPr>
            <p:cNvPr id="109" name="Rectangle 44"/>
            <p:cNvSpPr/>
            <p:nvPr/>
          </p:nvSpPr>
          <p:spPr bwMode="auto">
            <a:xfrm>
              <a:off x="8433886" y="3818389"/>
              <a:ext cx="3291840" cy="180000"/>
            </a:xfrm>
            <a:prstGeom prst="rect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eaLnBrk="1" hangingPunct="1">
                <a:spcBef>
                  <a:spcPct val="50000"/>
                </a:spcBef>
              </a:pPr>
              <a:endParaRPr lang="en-US">
                <a:solidFill>
                  <a:srgbClr val="E32119"/>
                </a:solidFill>
              </a:endParaRPr>
            </a:p>
          </p:txBody>
        </p:sp>
        <p:sp>
          <p:nvSpPr>
            <p:cNvPr id="173" name="TextBox 104"/>
            <p:cNvSpPr txBox="1"/>
            <p:nvPr/>
          </p:nvSpPr>
          <p:spPr>
            <a:xfrm>
              <a:off x="9201671" y="6067564"/>
              <a:ext cx="1815152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ctr" eaLnBrk="1" hangingPunct="1">
                <a:spcBef>
                  <a:spcPct val="50000"/>
                </a:spcBef>
                <a:buNone/>
              </a:pPr>
              <a:r>
                <a:rPr lang="en-US" sz="1600" dirty="0"/>
                <a:t>Remote rural</a:t>
              </a:r>
            </a:p>
          </p:txBody>
        </p:sp>
        <p:sp>
          <p:nvSpPr>
            <p:cNvPr id="72" name="Rectangle 41"/>
            <p:cNvSpPr/>
            <p:nvPr/>
          </p:nvSpPr>
          <p:spPr bwMode="auto">
            <a:xfrm>
              <a:off x="8433886" y="4238184"/>
              <a:ext cx="3291840" cy="82296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eaLnBrk="1" hangingPunct="1">
                <a:spcBef>
                  <a:spcPct val="50000"/>
                </a:spcBef>
              </a:pPr>
              <a:endParaRPr lang="en-US">
                <a:solidFill>
                  <a:srgbClr val="E32119"/>
                </a:solidFill>
              </a:endParaRPr>
            </a:p>
          </p:txBody>
        </p:sp>
        <p:cxnSp>
          <p:nvCxnSpPr>
            <p:cNvPr id="78" name="Straight Arrow Connector 30"/>
            <p:cNvCxnSpPr/>
            <p:nvPr/>
          </p:nvCxnSpPr>
          <p:spPr bwMode="auto">
            <a:xfrm flipV="1">
              <a:off x="10079806" y="3894404"/>
              <a:ext cx="0" cy="384048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round/>
              <a:headEnd type="oval" w="med" len="med"/>
              <a:tailEnd type="oval" w="med" len="med"/>
            </a:ln>
            <a:effectLst/>
          </p:spPr>
        </p:cxnSp>
        <p:grpSp>
          <p:nvGrpSpPr>
            <p:cNvPr id="124" name="Group 123">
              <a:extLst>
                <a:ext uri="{FF2B5EF4-FFF2-40B4-BE49-F238E27FC236}">
                  <a16:creationId xmlns:a16="http://schemas.microsoft.com/office/drawing/2014/main" id="{7FCD6899-0C92-43D4-B6DF-87AB9788535C}"/>
                </a:ext>
              </a:extLst>
            </p:cNvPr>
            <p:cNvGrpSpPr/>
            <p:nvPr/>
          </p:nvGrpSpPr>
          <p:grpSpPr>
            <a:xfrm>
              <a:off x="8416876" y="4479679"/>
              <a:ext cx="3280122" cy="431431"/>
              <a:chOff x="1527553" y="4767564"/>
              <a:chExt cx="5251515" cy="690726"/>
            </a:xfrm>
          </p:grpSpPr>
          <p:pic>
            <p:nvPicPr>
              <p:cNvPr id="129" name="Content Placeholder 9">
                <a:extLst>
                  <a:ext uri="{FF2B5EF4-FFF2-40B4-BE49-F238E27FC236}">
                    <a16:creationId xmlns:a16="http://schemas.microsoft.com/office/drawing/2014/main" id="{76CCBB9B-B08C-427C-A732-C81E8D08708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>
                <a:off x="1527553" y="4767564"/>
                <a:ext cx="530557" cy="690726"/>
              </a:xfrm>
              <a:prstGeom prst="rect">
                <a:avLst/>
              </a:prstGeom>
            </p:spPr>
          </p:pic>
          <p:pic>
            <p:nvPicPr>
              <p:cNvPr id="131" name="Content Placeholder 9">
                <a:extLst>
                  <a:ext uri="{FF2B5EF4-FFF2-40B4-BE49-F238E27FC236}">
                    <a16:creationId xmlns:a16="http://schemas.microsoft.com/office/drawing/2014/main" id="{C7D85ADE-1D1D-490A-AF2B-88579AE904B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email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 flipH="1">
                <a:off x="6248510" y="4767564"/>
                <a:ext cx="530558" cy="690726"/>
              </a:xfrm>
              <a:prstGeom prst="rect">
                <a:avLst/>
              </a:prstGeom>
            </p:spPr>
          </p:pic>
        </p:grpSp>
        <p:grpSp>
          <p:nvGrpSpPr>
            <p:cNvPr id="102" name="Group 101">
              <a:extLst>
                <a:ext uri="{FF2B5EF4-FFF2-40B4-BE49-F238E27FC236}">
                  <a16:creationId xmlns:a16="http://schemas.microsoft.com/office/drawing/2014/main" id="{D51B1C24-B8CA-4A31-8C61-E46998C711E4}"/>
                </a:ext>
              </a:extLst>
            </p:cNvPr>
            <p:cNvGrpSpPr/>
            <p:nvPr/>
          </p:nvGrpSpPr>
          <p:grpSpPr>
            <a:xfrm>
              <a:off x="8349551" y="5185581"/>
              <a:ext cx="677839" cy="865244"/>
              <a:chOff x="7210687" y="5185581"/>
              <a:chExt cx="677839" cy="865244"/>
            </a:xfrm>
          </p:grpSpPr>
          <p:sp>
            <p:nvSpPr>
              <p:cNvPr id="107" name="Freeform: Shape 106">
                <a:extLst>
                  <a:ext uri="{FF2B5EF4-FFF2-40B4-BE49-F238E27FC236}">
                    <a16:creationId xmlns:a16="http://schemas.microsoft.com/office/drawing/2014/main" id="{3B748D3E-C9BF-4532-8380-BC4AF0DB7C00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11" name="Straight Connector 110">
                <a:extLst>
                  <a:ext uri="{FF2B5EF4-FFF2-40B4-BE49-F238E27FC236}">
                    <a16:creationId xmlns:a16="http://schemas.microsoft.com/office/drawing/2014/main" id="{63331F4C-C00A-4FDD-9737-12FE5F827F2F}"/>
                  </a:ext>
                </a:extLst>
              </p:cNvPr>
              <p:cNvCxnSpPr>
                <a:cxnSpLocks/>
                <a:stCxn id="107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12" name="Straight Connector 111">
                <a:extLst>
                  <a:ext uri="{FF2B5EF4-FFF2-40B4-BE49-F238E27FC236}">
                    <a16:creationId xmlns:a16="http://schemas.microsoft.com/office/drawing/2014/main" id="{C26F705D-ECDC-42C7-9DB2-026E305A52CD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13" name="Straight Connector 112">
                <a:extLst>
                  <a:ext uri="{FF2B5EF4-FFF2-40B4-BE49-F238E27FC236}">
                    <a16:creationId xmlns:a16="http://schemas.microsoft.com/office/drawing/2014/main" id="{4AF171D8-455C-446C-8ED0-7FDDBCD50B05}"/>
                  </a:ext>
                </a:extLst>
              </p:cNvPr>
              <p:cNvCxnSpPr>
                <a:cxnSpLocks/>
                <a:endCxn id="107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  <p:grpSp>
          <p:nvGrpSpPr>
            <p:cNvPr id="114" name="Group 113">
              <a:extLst>
                <a:ext uri="{FF2B5EF4-FFF2-40B4-BE49-F238E27FC236}">
                  <a16:creationId xmlns:a16="http://schemas.microsoft.com/office/drawing/2014/main" id="{903A9B5B-2F27-4899-8D65-F563605D4574}"/>
                </a:ext>
              </a:extLst>
            </p:cNvPr>
            <p:cNvGrpSpPr/>
            <p:nvPr/>
          </p:nvGrpSpPr>
          <p:grpSpPr>
            <a:xfrm>
              <a:off x="9034792" y="5185581"/>
              <a:ext cx="677839" cy="865244"/>
              <a:chOff x="7210687" y="5185581"/>
              <a:chExt cx="677839" cy="865244"/>
            </a:xfrm>
          </p:grpSpPr>
          <p:sp>
            <p:nvSpPr>
              <p:cNvPr id="115" name="Freeform: Shape 114">
                <a:extLst>
                  <a:ext uri="{FF2B5EF4-FFF2-40B4-BE49-F238E27FC236}">
                    <a16:creationId xmlns:a16="http://schemas.microsoft.com/office/drawing/2014/main" id="{1EFBC794-66C7-4E35-A898-1CF4BEAD9FD0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25" name="Straight Connector 124">
                <a:extLst>
                  <a:ext uri="{FF2B5EF4-FFF2-40B4-BE49-F238E27FC236}">
                    <a16:creationId xmlns:a16="http://schemas.microsoft.com/office/drawing/2014/main" id="{75D96F48-B22E-4AEF-A7EA-BC4373270A68}"/>
                  </a:ext>
                </a:extLst>
              </p:cNvPr>
              <p:cNvCxnSpPr>
                <a:cxnSpLocks/>
                <a:stCxn id="115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27" name="Straight Connector 126">
                <a:extLst>
                  <a:ext uri="{FF2B5EF4-FFF2-40B4-BE49-F238E27FC236}">
                    <a16:creationId xmlns:a16="http://schemas.microsoft.com/office/drawing/2014/main" id="{43D4D22F-A82A-4883-8333-CB11EB568601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28" name="Straight Connector 127">
                <a:extLst>
                  <a:ext uri="{FF2B5EF4-FFF2-40B4-BE49-F238E27FC236}">
                    <a16:creationId xmlns:a16="http://schemas.microsoft.com/office/drawing/2014/main" id="{545813CC-C458-4EBF-BA69-7599489B2E2B}"/>
                  </a:ext>
                </a:extLst>
              </p:cNvPr>
              <p:cNvCxnSpPr>
                <a:cxnSpLocks/>
                <a:endCxn id="115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  <p:grpSp>
          <p:nvGrpSpPr>
            <p:cNvPr id="133" name="Group 132">
              <a:extLst>
                <a:ext uri="{FF2B5EF4-FFF2-40B4-BE49-F238E27FC236}">
                  <a16:creationId xmlns:a16="http://schemas.microsoft.com/office/drawing/2014/main" id="{BDD32197-2EE4-4C49-A236-96D79EE24354}"/>
                </a:ext>
              </a:extLst>
            </p:cNvPr>
            <p:cNvGrpSpPr/>
            <p:nvPr/>
          </p:nvGrpSpPr>
          <p:grpSpPr>
            <a:xfrm>
              <a:off x="9720033" y="5185581"/>
              <a:ext cx="677839" cy="865244"/>
              <a:chOff x="7210687" y="5185581"/>
              <a:chExt cx="677839" cy="865244"/>
            </a:xfrm>
          </p:grpSpPr>
          <p:sp>
            <p:nvSpPr>
              <p:cNvPr id="135" name="Freeform: Shape 134">
                <a:extLst>
                  <a:ext uri="{FF2B5EF4-FFF2-40B4-BE49-F238E27FC236}">
                    <a16:creationId xmlns:a16="http://schemas.microsoft.com/office/drawing/2014/main" id="{36FEA744-24B8-4190-B948-6A81382BDCA4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36" name="Straight Connector 135">
                <a:extLst>
                  <a:ext uri="{FF2B5EF4-FFF2-40B4-BE49-F238E27FC236}">
                    <a16:creationId xmlns:a16="http://schemas.microsoft.com/office/drawing/2014/main" id="{E3E95004-6F59-47DD-A675-BAC1092B2A01}"/>
                  </a:ext>
                </a:extLst>
              </p:cNvPr>
              <p:cNvCxnSpPr>
                <a:cxnSpLocks/>
                <a:stCxn id="135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40" name="Straight Connector 139">
                <a:extLst>
                  <a:ext uri="{FF2B5EF4-FFF2-40B4-BE49-F238E27FC236}">
                    <a16:creationId xmlns:a16="http://schemas.microsoft.com/office/drawing/2014/main" id="{551010AB-86DD-4324-ACD6-5D7321B33290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41" name="Straight Connector 140">
                <a:extLst>
                  <a:ext uri="{FF2B5EF4-FFF2-40B4-BE49-F238E27FC236}">
                    <a16:creationId xmlns:a16="http://schemas.microsoft.com/office/drawing/2014/main" id="{F4C8AC4E-452C-4609-B30C-3B3A5FB2CCCB}"/>
                  </a:ext>
                </a:extLst>
              </p:cNvPr>
              <p:cNvCxnSpPr>
                <a:cxnSpLocks/>
                <a:endCxn id="135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  <p:grpSp>
          <p:nvGrpSpPr>
            <p:cNvPr id="142" name="Group 141">
              <a:extLst>
                <a:ext uri="{FF2B5EF4-FFF2-40B4-BE49-F238E27FC236}">
                  <a16:creationId xmlns:a16="http://schemas.microsoft.com/office/drawing/2014/main" id="{ADE6A610-4B27-4BEE-970A-684B73AA2E8B}"/>
                </a:ext>
              </a:extLst>
            </p:cNvPr>
            <p:cNvGrpSpPr/>
            <p:nvPr/>
          </p:nvGrpSpPr>
          <p:grpSpPr>
            <a:xfrm>
              <a:off x="10405274" y="5185581"/>
              <a:ext cx="677839" cy="865244"/>
              <a:chOff x="7210687" y="5185581"/>
              <a:chExt cx="677839" cy="865244"/>
            </a:xfrm>
          </p:grpSpPr>
          <p:sp>
            <p:nvSpPr>
              <p:cNvPr id="143" name="Freeform: Shape 142">
                <a:extLst>
                  <a:ext uri="{FF2B5EF4-FFF2-40B4-BE49-F238E27FC236}">
                    <a16:creationId xmlns:a16="http://schemas.microsoft.com/office/drawing/2014/main" id="{64945EDF-7952-4FC4-92F7-5DB11390208F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44" name="Straight Connector 143">
                <a:extLst>
                  <a:ext uri="{FF2B5EF4-FFF2-40B4-BE49-F238E27FC236}">
                    <a16:creationId xmlns:a16="http://schemas.microsoft.com/office/drawing/2014/main" id="{D8E57BBF-76EB-4D7C-B0F7-2EEA2017A373}"/>
                  </a:ext>
                </a:extLst>
              </p:cNvPr>
              <p:cNvCxnSpPr>
                <a:cxnSpLocks/>
                <a:stCxn id="143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45" name="Straight Connector 144">
                <a:extLst>
                  <a:ext uri="{FF2B5EF4-FFF2-40B4-BE49-F238E27FC236}">
                    <a16:creationId xmlns:a16="http://schemas.microsoft.com/office/drawing/2014/main" id="{3C87B796-5C5D-4EF7-858C-2C6864E1896F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46" name="Straight Connector 145">
                <a:extLst>
                  <a:ext uri="{FF2B5EF4-FFF2-40B4-BE49-F238E27FC236}">
                    <a16:creationId xmlns:a16="http://schemas.microsoft.com/office/drawing/2014/main" id="{717AB960-B9A0-4208-9D48-2529185443E9}"/>
                  </a:ext>
                </a:extLst>
              </p:cNvPr>
              <p:cNvCxnSpPr>
                <a:cxnSpLocks/>
                <a:endCxn id="143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  <p:grpSp>
          <p:nvGrpSpPr>
            <p:cNvPr id="149" name="Group 148">
              <a:extLst>
                <a:ext uri="{FF2B5EF4-FFF2-40B4-BE49-F238E27FC236}">
                  <a16:creationId xmlns:a16="http://schemas.microsoft.com/office/drawing/2014/main" id="{ABFDC2ED-DDD4-41E9-A5B3-6E5D71EEC11B}"/>
                </a:ext>
              </a:extLst>
            </p:cNvPr>
            <p:cNvGrpSpPr/>
            <p:nvPr/>
          </p:nvGrpSpPr>
          <p:grpSpPr>
            <a:xfrm>
              <a:off x="11090517" y="5185581"/>
              <a:ext cx="677839" cy="865244"/>
              <a:chOff x="7210687" y="5185581"/>
              <a:chExt cx="677839" cy="865244"/>
            </a:xfrm>
          </p:grpSpPr>
          <p:sp>
            <p:nvSpPr>
              <p:cNvPr id="150" name="Freeform: Shape 149">
                <a:extLst>
                  <a:ext uri="{FF2B5EF4-FFF2-40B4-BE49-F238E27FC236}">
                    <a16:creationId xmlns:a16="http://schemas.microsoft.com/office/drawing/2014/main" id="{55A0514E-EF5A-4370-8DD4-0BF52C89278B}"/>
                  </a:ext>
                </a:extLst>
              </p:cNvPr>
              <p:cNvSpPr/>
              <p:nvPr/>
            </p:nvSpPr>
            <p:spPr bwMode="auto">
              <a:xfrm>
                <a:off x="7210687" y="5185581"/>
                <a:ext cx="677839" cy="561404"/>
              </a:xfrm>
              <a:custGeom>
                <a:avLst/>
                <a:gdLst>
                  <a:gd name="connsiteX0" fmla="*/ 336357 w 677839"/>
                  <a:gd name="connsiteY0" fmla="*/ 0 h 561404"/>
                  <a:gd name="connsiteX1" fmla="*/ 529938 w 677839"/>
                  <a:gd name="connsiteY1" fmla="*/ 128314 h 561404"/>
                  <a:gd name="connsiteX2" fmla="*/ 546422 w 677839"/>
                  <a:gd name="connsiteY2" fmla="*/ 209963 h 561404"/>
                  <a:gd name="connsiteX3" fmla="*/ 581037 w 677839"/>
                  <a:gd name="connsiteY3" fmla="*/ 216952 h 561404"/>
                  <a:gd name="connsiteX4" fmla="*/ 677839 w 677839"/>
                  <a:gd name="connsiteY4" fmla="*/ 362992 h 561404"/>
                  <a:gd name="connsiteX5" fmla="*/ 519343 w 677839"/>
                  <a:gd name="connsiteY5" fmla="*/ 521488 h 561404"/>
                  <a:gd name="connsiteX6" fmla="*/ 457649 w 677839"/>
                  <a:gd name="connsiteY6" fmla="*/ 509033 h 561404"/>
                  <a:gd name="connsiteX7" fmla="*/ 442899 w 677839"/>
                  <a:gd name="connsiteY7" fmla="*/ 499088 h 561404"/>
                  <a:gd name="connsiteX8" fmla="*/ 428876 w 677839"/>
                  <a:gd name="connsiteY8" fmla="*/ 519886 h 561404"/>
                  <a:gd name="connsiteX9" fmla="*/ 328643 w 677839"/>
                  <a:gd name="connsiteY9" fmla="*/ 561404 h 561404"/>
                  <a:gd name="connsiteX10" fmla="*/ 228410 w 677839"/>
                  <a:gd name="connsiteY10" fmla="*/ 519886 h 561404"/>
                  <a:gd name="connsiteX11" fmla="*/ 213700 w 677839"/>
                  <a:gd name="connsiteY11" fmla="*/ 498068 h 561404"/>
                  <a:gd name="connsiteX12" fmla="*/ 161925 w 677839"/>
                  <a:gd name="connsiteY12" fmla="*/ 508520 h 561404"/>
                  <a:gd name="connsiteX13" fmla="*/ 0 w 677839"/>
                  <a:gd name="connsiteY13" fmla="*/ 346595 h 561404"/>
                  <a:gd name="connsiteX14" fmla="*/ 98897 w 677839"/>
                  <a:gd name="connsiteY14" fmla="*/ 197395 h 561404"/>
                  <a:gd name="connsiteX15" fmla="*/ 128141 w 677839"/>
                  <a:gd name="connsiteY15" fmla="*/ 191491 h 561404"/>
                  <a:gd name="connsiteX16" fmla="*/ 130535 w 677839"/>
                  <a:gd name="connsiteY16" fmla="*/ 167750 h 561404"/>
                  <a:gd name="connsiteX17" fmla="*/ 336357 w 677839"/>
                  <a:gd name="connsiteY17" fmla="*/ 0 h 5614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677839" h="561404">
                    <a:moveTo>
                      <a:pt x="336357" y="0"/>
                    </a:moveTo>
                    <a:cubicBezTo>
                      <a:pt x="423380" y="0"/>
                      <a:pt x="498045" y="52909"/>
                      <a:pt x="529938" y="128314"/>
                    </a:cubicBezTo>
                    <a:lnTo>
                      <a:pt x="546422" y="209963"/>
                    </a:lnTo>
                    <a:lnTo>
                      <a:pt x="581037" y="216952"/>
                    </a:lnTo>
                    <a:cubicBezTo>
                      <a:pt x="637924" y="241013"/>
                      <a:pt x="677839" y="297341"/>
                      <a:pt x="677839" y="362992"/>
                    </a:cubicBezTo>
                    <a:cubicBezTo>
                      <a:pt x="677839" y="450527"/>
                      <a:pt x="606878" y="521488"/>
                      <a:pt x="519343" y="521488"/>
                    </a:cubicBezTo>
                    <a:cubicBezTo>
                      <a:pt x="497460" y="521488"/>
                      <a:pt x="476612" y="517053"/>
                      <a:pt x="457649" y="509033"/>
                    </a:cubicBezTo>
                    <a:lnTo>
                      <a:pt x="442899" y="499088"/>
                    </a:lnTo>
                    <a:lnTo>
                      <a:pt x="428876" y="519886"/>
                    </a:lnTo>
                    <a:cubicBezTo>
                      <a:pt x="403225" y="545538"/>
                      <a:pt x="367787" y="561404"/>
                      <a:pt x="328643" y="561404"/>
                    </a:cubicBezTo>
                    <a:cubicBezTo>
                      <a:pt x="289500" y="561404"/>
                      <a:pt x="254062" y="545538"/>
                      <a:pt x="228410" y="519886"/>
                    </a:cubicBezTo>
                    <a:lnTo>
                      <a:pt x="213700" y="498068"/>
                    </a:lnTo>
                    <a:lnTo>
                      <a:pt x="161925" y="508520"/>
                    </a:lnTo>
                    <a:cubicBezTo>
                      <a:pt x="72496" y="508520"/>
                      <a:pt x="0" y="436024"/>
                      <a:pt x="0" y="346595"/>
                    </a:cubicBezTo>
                    <a:cubicBezTo>
                      <a:pt x="0" y="279523"/>
                      <a:pt x="40779" y="221977"/>
                      <a:pt x="98897" y="197395"/>
                    </a:cubicBezTo>
                    <a:lnTo>
                      <a:pt x="128141" y="191491"/>
                    </a:lnTo>
                    <a:lnTo>
                      <a:pt x="130535" y="167750"/>
                    </a:lnTo>
                    <a:cubicBezTo>
                      <a:pt x="150125" y="72015"/>
                      <a:pt x="234831" y="0"/>
                      <a:pt x="336357" y="0"/>
                    </a:cubicBezTo>
                    <a:close/>
                  </a:path>
                </a:pathLst>
              </a:cu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indent="-357188" fontAlgn="base">
                  <a:spcBef>
                    <a:spcPts val="3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—"/>
                </a:pPr>
                <a:endParaRPr lang="en-US" sz="2000" dirty="0" err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151" name="Straight Connector 150">
                <a:extLst>
                  <a:ext uri="{FF2B5EF4-FFF2-40B4-BE49-F238E27FC236}">
                    <a16:creationId xmlns:a16="http://schemas.microsoft.com/office/drawing/2014/main" id="{AC70FCFD-239E-4A63-B892-FA846DF1EAA6}"/>
                  </a:ext>
                </a:extLst>
              </p:cNvPr>
              <p:cNvCxnSpPr>
                <a:cxnSpLocks/>
                <a:stCxn id="150" idx="10"/>
              </p:cNvCxnSpPr>
              <p:nvPr/>
            </p:nvCxnSpPr>
            <p:spPr bwMode="auto">
              <a:xfrm>
                <a:off x="7439097" y="5705467"/>
                <a:ext cx="103092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52" name="Straight Connector 151">
                <a:extLst>
                  <a:ext uri="{FF2B5EF4-FFF2-40B4-BE49-F238E27FC236}">
                    <a16:creationId xmlns:a16="http://schemas.microsoft.com/office/drawing/2014/main" id="{9CFAF0F5-6C81-4B14-B6A8-1791D16760C2}"/>
                  </a:ext>
                </a:extLst>
              </p:cNvPr>
              <p:cNvCxnSpPr>
                <a:cxnSpLocks/>
              </p:cNvCxnSpPr>
              <p:nvPr/>
            </p:nvCxnSpPr>
            <p:spPr bwMode="auto">
              <a:xfrm flipV="1">
                <a:off x="7542189" y="5846755"/>
                <a:ext cx="0" cy="204070"/>
              </a:xfrm>
              <a:prstGeom prst="line">
                <a:avLst/>
              </a:prstGeom>
              <a:solidFill>
                <a:schemeClr val="bg1"/>
              </a:solidFill>
              <a:ln w="508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153" name="Straight Connector 152">
                <a:extLst>
                  <a:ext uri="{FF2B5EF4-FFF2-40B4-BE49-F238E27FC236}">
                    <a16:creationId xmlns:a16="http://schemas.microsoft.com/office/drawing/2014/main" id="{88949BC6-C1B1-4869-9822-F79538394D2F}"/>
                  </a:ext>
                </a:extLst>
              </p:cNvPr>
              <p:cNvCxnSpPr>
                <a:cxnSpLocks/>
                <a:endCxn id="150" idx="8"/>
              </p:cNvCxnSpPr>
              <p:nvPr/>
            </p:nvCxnSpPr>
            <p:spPr bwMode="auto">
              <a:xfrm flipV="1">
                <a:off x="7544570" y="5705467"/>
                <a:ext cx="94993" cy="157954"/>
              </a:xfrm>
              <a:prstGeom prst="line">
                <a:avLst/>
              </a:prstGeom>
              <a:solidFill>
                <a:schemeClr val="bg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</p:grpSp>
      </p:grpSp>
    </p:spTree>
    <p:extLst>
      <p:ext uri="{BB962C8B-B14F-4D97-AF65-F5344CB8AC3E}">
        <p14:creationId xmlns:p14="http://schemas.microsoft.com/office/powerpoint/2010/main" val="340257193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9" name="Rectangle 58">
            <a:extLst>
              <a:ext uri="{FF2B5EF4-FFF2-40B4-BE49-F238E27FC236}">
                <a16:creationId xmlns:a16="http://schemas.microsoft.com/office/drawing/2014/main" id="{FBDBE358-D9F3-4828-98F5-0A5DE92E39F8}"/>
              </a:ext>
            </a:extLst>
          </p:cNvPr>
          <p:cNvSpPr/>
          <p:nvPr/>
        </p:nvSpPr>
        <p:spPr bwMode="auto">
          <a:xfrm>
            <a:off x="6244156" y="4142897"/>
            <a:ext cx="5472113" cy="2232022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B838C6A2-372E-497C-BD98-5CBBDA334053}"/>
              </a:ext>
            </a:extLst>
          </p:cNvPr>
          <p:cNvSpPr/>
          <p:nvPr/>
        </p:nvSpPr>
        <p:spPr bwMode="auto">
          <a:xfrm>
            <a:off x="479425" y="4149725"/>
            <a:ext cx="5472113" cy="2232022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185C712-B522-492E-A4D1-5BD222AB95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877226" cy="1081088"/>
          </a:xfrm>
        </p:spPr>
        <p:txBody>
          <a:bodyPr/>
          <a:lstStyle/>
          <a:p>
            <a:r>
              <a:rPr lang="en-US" altLang="sv-SE" dirty="0"/>
              <a:t>(</a:t>
            </a:r>
            <a:r>
              <a:rPr lang="en-US" altLang="sv-SE" dirty="0" err="1"/>
              <a:t>hierarchický</a:t>
            </a:r>
            <a:r>
              <a:rPr lang="en-US" altLang="sv-SE" dirty="0"/>
              <a:t>) Radio Link Bonding (h)RLB</a:t>
            </a:r>
            <a:r>
              <a:rPr lang="en-US" dirty="0"/>
              <a:t> MINI-LINK 6371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774E4E8-1897-40F2-92C2-8DFCEF4DBAF3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4149725"/>
            <a:ext cx="5383134" cy="2602814"/>
          </a:xfrm>
        </p:spPr>
        <p:txBody>
          <a:bodyPr/>
          <a:lstStyle/>
          <a:p>
            <a:pPr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L1 </a:t>
            </a:r>
            <a:r>
              <a:rPr lang="en-US" sz="1600" dirty="0" err="1">
                <a:solidFill>
                  <a:schemeClr val="bg1"/>
                </a:solidFill>
              </a:rPr>
              <a:t>agregace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provozu</a:t>
            </a:r>
            <a:r>
              <a:rPr lang="en-US" sz="1600" dirty="0">
                <a:solidFill>
                  <a:schemeClr val="bg1"/>
                </a:solidFill>
              </a:rPr>
              <a:t> do </a:t>
            </a:r>
            <a:r>
              <a:rPr lang="en-US" sz="1600" dirty="0" err="1">
                <a:solidFill>
                  <a:schemeClr val="bg1"/>
                </a:solidFill>
              </a:rPr>
              <a:t>kapacity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až</a:t>
            </a:r>
            <a:r>
              <a:rPr lang="en-US" sz="1600" dirty="0">
                <a:solidFill>
                  <a:schemeClr val="bg1"/>
                </a:solidFill>
              </a:rPr>
              <a:t> 10Gbit/s</a:t>
            </a:r>
          </a:p>
          <a:p>
            <a:pPr lvl="1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 err="1">
                <a:solidFill>
                  <a:schemeClr val="bg1"/>
                </a:solidFill>
              </a:rPr>
              <a:t>Výsledná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pacita</a:t>
            </a:r>
            <a:r>
              <a:rPr lang="en-US" sz="1600" dirty="0">
                <a:solidFill>
                  <a:schemeClr val="bg1"/>
                </a:solidFill>
              </a:rPr>
              <a:t> je </a:t>
            </a:r>
            <a:r>
              <a:rPr lang="en-US" sz="1600" dirty="0" err="1">
                <a:solidFill>
                  <a:schemeClr val="bg1"/>
                </a:solidFill>
              </a:rPr>
              <a:t>součtem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pacit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jednotlivých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linek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QoS </a:t>
            </a:r>
            <a:r>
              <a:rPr lang="en-US" sz="1600" dirty="0" err="1">
                <a:solidFill>
                  <a:schemeClr val="bg1"/>
                </a:solidFill>
              </a:rPr>
              <a:t>řízen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na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jednom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portu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 err="1">
                <a:solidFill>
                  <a:schemeClr val="bg1"/>
                </a:solidFill>
              </a:rPr>
              <a:t>Efektivn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řízen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zdrojů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měnících</a:t>
            </a:r>
            <a:r>
              <a:rPr lang="en-US" sz="1600" dirty="0">
                <a:solidFill>
                  <a:schemeClr val="bg1"/>
                </a:solidFill>
              </a:rPr>
              <a:t> se v </a:t>
            </a:r>
            <a:r>
              <a:rPr lang="en-US" sz="1600" dirty="0" err="1">
                <a:solidFill>
                  <a:schemeClr val="bg1"/>
                </a:solidFill>
              </a:rPr>
              <a:t>čase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 err="1">
                <a:solidFill>
                  <a:schemeClr val="bg1"/>
                </a:solidFill>
              </a:rPr>
              <a:t>Neustálá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adaptace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na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měnící</a:t>
            </a:r>
            <a:r>
              <a:rPr lang="en-US" sz="1600" dirty="0">
                <a:solidFill>
                  <a:schemeClr val="bg1"/>
                </a:solidFill>
              </a:rPr>
              <a:t> se </a:t>
            </a:r>
            <a:r>
              <a:rPr lang="en-US" sz="1600" dirty="0" err="1">
                <a:solidFill>
                  <a:schemeClr val="bg1"/>
                </a:solidFill>
              </a:rPr>
              <a:t>kapacity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jednotlivých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nálů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US" sz="1600" dirty="0" err="1">
                <a:solidFill>
                  <a:schemeClr val="bg1"/>
                </a:solidFill>
              </a:rPr>
              <a:t>Rychlá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záloha</a:t>
            </a:r>
            <a:r>
              <a:rPr lang="en-US" sz="1600" dirty="0">
                <a:solidFill>
                  <a:schemeClr val="bg1"/>
                </a:solidFill>
              </a:rPr>
              <a:t> v </a:t>
            </a:r>
            <a:r>
              <a:rPr lang="en-US" sz="1600" dirty="0" err="1">
                <a:solidFill>
                  <a:schemeClr val="bg1"/>
                </a:solidFill>
              </a:rPr>
              <a:t>případě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poruchy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některého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nálu</a:t>
            </a:r>
            <a:endParaRPr lang="en-US" sz="1600" dirty="0">
              <a:solidFill>
                <a:schemeClr val="bg1"/>
              </a:solidFill>
            </a:endParaRPr>
          </a:p>
          <a:p>
            <a:endParaRPr lang="en-US" sz="1600" dirty="0"/>
          </a:p>
          <a:p>
            <a:endParaRPr lang="en-US" sz="1600" dirty="0"/>
          </a:p>
          <a:p>
            <a:endParaRPr lang="en-US" sz="1600" dirty="0"/>
          </a:p>
        </p:txBody>
      </p:sp>
      <p:sp>
        <p:nvSpPr>
          <p:cNvPr id="51" name="Content Placeholder 3">
            <a:extLst>
              <a:ext uri="{FF2B5EF4-FFF2-40B4-BE49-F238E27FC236}">
                <a16:creationId xmlns:a16="http://schemas.microsoft.com/office/drawing/2014/main" id="{6F9B6268-90B0-404A-8E11-046FA810DD26}"/>
              </a:ext>
            </a:extLst>
          </p:cNvPr>
          <p:cNvSpPr txBox="1">
            <a:spLocks/>
          </p:cNvSpPr>
          <p:nvPr/>
        </p:nvSpPr>
        <p:spPr bwMode="auto">
          <a:xfrm>
            <a:off x="6252574" y="4149725"/>
            <a:ext cx="5460001" cy="196429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>
              <a:buFont typeface="Arial" panose="020B0604020202020204" pitchFamily="34" charset="0"/>
              <a:buChar char="•"/>
            </a:pPr>
            <a:r>
              <a:rPr lang="en-US" sz="1600" dirty="0" err="1"/>
              <a:t>Flexibilní</a:t>
            </a:r>
            <a:r>
              <a:rPr lang="en-US" sz="1600" dirty="0"/>
              <a:t> </a:t>
            </a:r>
            <a:r>
              <a:rPr lang="en-US" sz="1600" dirty="0" err="1"/>
              <a:t>řešení</a:t>
            </a:r>
            <a:endParaRPr lang="en-US" sz="1600" dirty="0"/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600" dirty="0" err="1"/>
              <a:t>Podpora</a:t>
            </a:r>
            <a:r>
              <a:rPr lang="en-US" sz="1600" dirty="0"/>
              <a:t> 2 </a:t>
            </a:r>
            <a:r>
              <a:rPr lang="en-US" sz="1600" dirty="0" err="1"/>
              <a:t>dvou</a:t>
            </a:r>
            <a:r>
              <a:rPr lang="en-US" sz="1600" dirty="0"/>
              <a:t> </a:t>
            </a:r>
            <a:r>
              <a:rPr lang="en-US" sz="1600" dirty="0" err="1"/>
              <a:t>směrů</a:t>
            </a:r>
            <a:r>
              <a:rPr lang="en-US" sz="1600" dirty="0"/>
              <a:t>, </a:t>
            </a:r>
            <a:r>
              <a:rPr lang="en-US" sz="1600" dirty="0" err="1"/>
              <a:t>každý</a:t>
            </a:r>
            <a:r>
              <a:rPr lang="en-US" sz="1600" dirty="0"/>
              <a:t> 10Gbit/s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600" dirty="0" err="1"/>
              <a:t>Podpora</a:t>
            </a:r>
            <a:r>
              <a:rPr lang="en-US" sz="1600" dirty="0"/>
              <a:t> 2 x MINI-LINK 6352 do </a:t>
            </a:r>
            <a:r>
              <a:rPr lang="en-US" sz="1600" dirty="0" err="1"/>
              <a:t>každého</a:t>
            </a:r>
            <a:r>
              <a:rPr lang="en-US" sz="1600" dirty="0"/>
              <a:t> </a:t>
            </a:r>
            <a:r>
              <a:rPr lang="en-US" sz="1600" dirty="0" err="1"/>
              <a:t>směru</a:t>
            </a:r>
            <a:endParaRPr lang="en-US" sz="1600" dirty="0"/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600" dirty="0" err="1"/>
              <a:t>Podpora</a:t>
            </a:r>
            <a:r>
              <a:rPr lang="en-US" sz="1600" dirty="0"/>
              <a:t> 2x 1+0 v </a:t>
            </a:r>
            <a:r>
              <a:rPr lang="en-US" sz="1600" dirty="0" err="1"/>
              <a:t>tradičních</a:t>
            </a:r>
            <a:r>
              <a:rPr lang="en-US" sz="1600" dirty="0"/>
              <a:t> </a:t>
            </a:r>
            <a:r>
              <a:rPr lang="en-US" sz="1600" dirty="0" err="1"/>
              <a:t>pásmech</a:t>
            </a:r>
            <a:r>
              <a:rPr lang="en-US" sz="1600" dirty="0"/>
              <a:t> (</a:t>
            </a:r>
            <a:r>
              <a:rPr lang="en-US" sz="1600" dirty="0" err="1"/>
              <a:t>opakovač</a:t>
            </a:r>
            <a:r>
              <a:rPr lang="en-US" sz="1600" dirty="0"/>
              <a:t>)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600" dirty="0" err="1"/>
              <a:t>Podpora</a:t>
            </a:r>
            <a:r>
              <a:rPr lang="en-US" sz="1600" dirty="0"/>
              <a:t> 2+0 v </a:t>
            </a:r>
            <a:r>
              <a:rPr lang="en-US" sz="1600" dirty="0" err="1"/>
              <a:t>tradičních</a:t>
            </a:r>
            <a:r>
              <a:rPr lang="en-US" sz="1600" dirty="0"/>
              <a:t> </a:t>
            </a:r>
            <a:r>
              <a:rPr lang="en-US" sz="1600" dirty="0" err="1"/>
              <a:t>pásmech</a:t>
            </a:r>
            <a:r>
              <a:rPr lang="en-US" sz="1600" dirty="0"/>
              <a:t> do </a:t>
            </a:r>
            <a:r>
              <a:rPr lang="en-US" sz="1600" dirty="0" err="1"/>
              <a:t>jednoho</a:t>
            </a:r>
            <a:r>
              <a:rPr lang="en-US" sz="1600" dirty="0"/>
              <a:t> </a:t>
            </a:r>
            <a:r>
              <a:rPr lang="en-US" sz="1600" dirty="0" err="1"/>
              <a:t>směru</a:t>
            </a:r>
            <a:endParaRPr lang="en-US" sz="1600" dirty="0"/>
          </a:p>
          <a:p>
            <a:pPr>
              <a:buFont typeface="Arial" panose="020B0604020202020204" pitchFamily="34" charset="0"/>
              <a:buChar char="•"/>
            </a:pPr>
            <a:endParaRPr lang="en-US" sz="1600" dirty="0"/>
          </a:p>
          <a:p>
            <a:pPr>
              <a:buFont typeface="Arial" panose="020B0604020202020204" pitchFamily="34" charset="0"/>
              <a:buChar char="•"/>
            </a:pPr>
            <a:r>
              <a:rPr lang="en-US" sz="1600" dirty="0" err="1"/>
              <a:t>Vysoká</a:t>
            </a:r>
            <a:r>
              <a:rPr lang="en-US" sz="1600" dirty="0"/>
              <a:t> </a:t>
            </a:r>
            <a:r>
              <a:rPr lang="en-US" sz="1600" dirty="0" err="1"/>
              <a:t>účinnost</a:t>
            </a:r>
            <a:r>
              <a:rPr lang="en-US" sz="1600" dirty="0"/>
              <a:t> </a:t>
            </a:r>
            <a:r>
              <a:rPr lang="en-US" sz="1600" dirty="0" err="1"/>
              <a:t>sdružení</a:t>
            </a:r>
            <a:r>
              <a:rPr lang="en-US" sz="1600" dirty="0"/>
              <a:t> &gt;99%</a:t>
            </a:r>
          </a:p>
          <a:p>
            <a:endParaRPr lang="en-US" sz="1600" dirty="0"/>
          </a:p>
          <a:p>
            <a:endParaRPr lang="en-US" sz="1600" dirty="0"/>
          </a:p>
          <a:p>
            <a:endParaRPr lang="en-US" sz="1600" dirty="0"/>
          </a:p>
          <a:p>
            <a:endParaRPr lang="en-US" sz="1600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F132365E-E800-4445-AFF7-6ACE4BDB8CE3}"/>
              </a:ext>
            </a:extLst>
          </p:cNvPr>
          <p:cNvSpPr txBox="1"/>
          <p:nvPr/>
        </p:nvSpPr>
        <p:spPr bwMode="auto">
          <a:xfrm>
            <a:off x="2353881" y="1730739"/>
            <a:ext cx="1009262" cy="33311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l">
              <a:buClr>
                <a:schemeClr val="tx1"/>
              </a:buClr>
              <a:buNone/>
            </a:pPr>
            <a:r>
              <a:rPr lang="en-US" sz="1600" dirty="0"/>
              <a:t>MINI-LINK 6371</a:t>
            </a:r>
          </a:p>
        </p:txBody>
      </p:sp>
      <p:sp>
        <p:nvSpPr>
          <p:cNvPr id="26" name="Arrow: Right 25">
            <a:extLst>
              <a:ext uri="{FF2B5EF4-FFF2-40B4-BE49-F238E27FC236}">
                <a16:creationId xmlns:a16="http://schemas.microsoft.com/office/drawing/2014/main" id="{C3B135F2-2A89-40D6-9DF8-3B3AF14E4D73}"/>
              </a:ext>
            </a:extLst>
          </p:cNvPr>
          <p:cNvSpPr/>
          <p:nvPr/>
        </p:nvSpPr>
        <p:spPr bwMode="auto">
          <a:xfrm>
            <a:off x="463465" y="2141951"/>
            <a:ext cx="1533186" cy="141239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CA8146C8-DD1B-4803-BFEF-C3381243CE00}"/>
              </a:ext>
            </a:extLst>
          </p:cNvPr>
          <p:cNvSpPr txBox="1"/>
          <p:nvPr/>
        </p:nvSpPr>
        <p:spPr bwMode="auto">
          <a:xfrm>
            <a:off x="568913" y="1862812"/>
            <a:ext cx="1023249" cy="372261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l">
              <a:buClr>
                <a:schemeClr val="tx1"/>
              </a:buClr>
              <a:buNone/>
            </a:pPr>
            <a:r>
              <a:rPr lang="en-US" sz="2000" dirty="0"/>
              <a:t>10 Gbps</a:t>
            </a:r>
          </a:p>
        </p:txBody>
      </p:sp>
      <p:sp>
        <p:nvSpPr>
          <p:cNvPr id="48" name="Line 12">
            <a:extLst>
              <a:ext uri="{FF2B5EF4-FFF2-40B4-BE49-F238E27FC236}">
                <a16:creationId xmlns:a16="http://schemas.microsoft.com/office/drawing/2014/main" id="{EA109DF3-3D8B-435C-8C4E-DBAE33FAE749}"/>
              </a:ext>
            </a:extLst>
          </p:cNvPr>
          <p:cNvSpPr>
            <a:spLocks noChangeShapeType="1"/>
          </p:cNvSpPr>
          <p:nvPr/>
        </p:nvSpPr>
        <p:spPr bwMode="auto">
          <a:xfrm flipV="1">
            <a:off x="2271911" y="3058280"/>
            <a:ext cx="633002" cy="332738"/>
          </a:xfrm>
          <a:prstGeom prst="line">
            <a:avLst/>
          </a:prstGeom>
          <a:noFill/>
          <a:ln w="12700">
            <a:solidFill>
              <a:schemeClr val="tx1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none" lIns="72000" rIns="72000"/>
          <a:lstStyle/>
          <a:p>
            <a:endParaRPr lang="en-US" sz="1400" dirty="0"/>
          </a:p>
        </p:txBody>
      </p: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52F7CD41-EFE2-4F57-82BA-0156E353DC37}"/>
              </a:ext>
            </a:extLst>
          </p:cNvPr>
          <p:cNvCxnSpPr>
            <a:cxnSpLocks/>
            <a:endCxn id="55" idx="1"/>
          </p:cNvCxnSpPr>
          <p:nvPr/>
        </p:nvCxnSpPr>
        <p:spPr bwMode="auto">
          <a:xfrm>
            <a:off x="1911610" y="3030438"/>
            <a:ext cx="1019966" cy="0"/>
          </a:xfrm>
          <a:prstGeom prst="line">
            <a:avLst/>
          </a:prstGeom>
          <a:ln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8" name="Picture 67">
            <a:extLst>
              <a:ext uri="{FF2B5EF4-FFF2-40B4-BE49-F238E27FC236}">
                <a16:creationId xmlns:a16="http://schemas.microsoft.com/office/drawing/2014/main" id="{77C29757-6398-4199-8A89-A6C6A471D182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81686" y="3226086"/>
            <a:ext cx="349110" cy="302375"/>
          </a:xfrm>
          <a:prstGeom prst="rect">
            <a:avLst/>
          </a:prstGeom>
        </p:spPr>
      </p:pic>
      <p:pic>
        <p:nvPicPr>
          <p:cNvPr id="69" name="Picture 68">
            <a:extLst>
              <a:ext uri="{FF2B5EF4-FFF2-40B4-BE49-F238E27FC236}">
                <a16:creationId xmlns:a16="http://schemas.microsoft.com/office/drawing/2014/main" id="{539CCE5A-BE9A-4BDC-9A3E-D34E812C97AF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65896" y="3650670"/>
            <a:ext cx="349110" cy="302375"/>
          </a:xfrm>
          <a:prstGeom prst="rect">
            <a:avLst/>
          </a:prstGeom>
        </p:spPr>
      </p:pic>
      <p:pic>
        <p:nvPicPr>
          <p:cNvPr id="72" name="Picture 71">
            <a:extLst>
              <a:ext uri="{FF2B5EF4-FFF2-40B4-BE49-F238E27FC236}">
                <a16:creationId xmlns:a16="http://schemas.microsoft.com/office/drawing/2014/main" id="{9800E8B0-4BC4-4AB7-A4C6-73F83B19E258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57603">
            <a:off x="5662933" y="2142309"/>
            <a:ext cx="485507" cy="473394"/>
          </a:xfrm>
          <a:prstGeom prst="rect">
            <a:avLst/>
          </a:prstGeom>
        </p:spPr>
      </p:pic>
      <p:sp>
        <p:nvSpPr>
          <p:cNvPr id="74" name="TextBox 73">
            <a:extLst>
              <a:ext uri="{FF2B5EF4-FFF2-40B4-BE49-F238E27FC236}">
                <a16:creationId xmlns:a16="http://schemas.microsoft.com/office/drawing/2014/main" id="{9167A795-68B5-4620-B1F4-17739D290829}"/>
              </a:ext>
            </a:extLst>
          </p:cNvPr>
          <p:cNvSpPr txBox="1"/>
          <p:nvPr/>
        </p:nvSpPr>
        <p:spPr bwMode="auto">
          <a:xfrm>
            <a:off x="4417532" y="1816776"/>
            <a:ext cx="746840" cy="361415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dirty="0">
                <a:solidFill>
                  <a:schemeClr val="bg1"/>
                </a:solidFill>
              </a:rPr>
              <a:t>7.5 Gbps</a:t>
            </a:r>
          </a:p>
        </p:txBody>
      </p: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93B2777E-DE44-4F34-BE8D-3C16FD6FACF2}"/>
              </a:ext>
            </a:extLst>
          </p:cNvPr>
          <p:cNvCxnSpPr>
            <a:cxnSpLocks/>
          </p:cNvCxnSpPr>
          <p:nvPr/>
        </p:nvCxnSpPr>
        <p:spPr bwMode="auto">
          <a:xfrm>
            <a:off x="3637017" y="2830148"/>
            <a:ext cx="2021984" cy="499139"/>
          </a:xfrm>
          <a:prstGeom prst="line">
            <a:avLst/>
          </a:prstGeom>
          <a:ln>
            <a:prstDash val="sysDot"/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" name="Group 4">
            <a:extLst>
              <a:ext uri="{FF2B5EF4-FFF2-40B4-BE49-F238E27FC236}">
                <a16:creationId xmlns:a16="http://schemas.microsoft.com/office/drawing/2014/main" id="{34102CE1-3468-4E4E-A0E9-7E22114C554C}"/>
              </a:ext>
            </a:extLst>
          </p:cNvPr>
          <p:cNvGrpSpPr/>
          <p:nvPr/>
        </p:nvGrpSpPr>
        <p:grpSpPr>
          <a:xfrm>
            <a:off x="6352892" y="1759970"/>
            <a:ext cx="2505075" cy="2096349"/>
            <a:chOff x="8156116" y="1759970"/>
            <a:chExt cx="2505075" cy="2096349"/>
          </a:xfrm>
        </p:grpSpPr>
        <p:sp>
          <p:nvSpPr>
            <p:cNvPr id="46" name="TextBox 45">
              <a:extLst>
                <a:ext uri="{FF2B5EF4-FFF2-40B4-BE49-F238E27FC236}">
                  <a16:creationId xmlns:a16="http://schemas.microsoft.com/office/drawing/2014/main" id="{74512E10-D31E-4859-8874-53EE62D27A29}"/>
                </a:ext>
              </a:extLst>
            </p:cNvPr>
            <p:cNvSpPr txBox="1"/>
            <p:nvPr/>
          </p:nvSpPr>
          <p:spPr bwMode="auto">
            <a:xfrm>
              <a:off x="8716659" y="1759970"/>
              <a:ext cx="1162413" cy="279620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indent="0">
                <a:buClr>
                  <a:schemeClr val="tx1"/>
                </a:buClr>
                <a:buNone/>
              </a:pPr>
              <a:r>
                <a:rPr lang="en-US" sz="1600" u="sng" dirty="0"/>
                <a:t>L1 </a:t>
              </a:r>
              <a:r>
                <a:rPr lang="en-US" sz="1600" u="sng" dirty="0" err="1"/>
                <a:t>agregace</a:t>
              </a:r>
              <a:endParaRPr lang="en-US" sz="1600" dirty="0">
                <a:latin typeface="+mn-lt"/>
              </a:endParaRPr>
            </a:p>
          </p:txBody>
        </p:sp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id="{94CA13B3-5383-447A-8263-0A9F5A8918E3}"/>
                </a:ext>
              </a:extLst>
            </p:cNvPr>
            <p:cNvGrpSpPr/>
            <p:nvPr/>
          </p:nvGrpSpPr>
          <p:grpSpPr>
            <a:xfrm>
              <a:off x="8156116" y="2054204"/>
              <a:ext cx="2505075" cy="1802115"/>
              <a:chOff x="3403834" y="3541358"/>
              <a:chExt cx="2764820" cy="2039869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775F539C-1545-4463-81C5-FEBFDD785EFF}"/>
                  </a:ext>
                </a:extLst>
              </p:cNvPr>
              <p:cNvGrpSpPr/>
              <p:nvPr/>
            </p:nvGrpSpPr>
            <p:grpSpPr>
              <a:xfrm>
                <a:off x="3403834" y="3541358"/>
                <a:ext cx="2764820" cy="2039869"/>
                <a:chOff x="7214209" y="3781935"/>
                <a:chExt cx="2764820" cy="2039869"/>
              </a:xfrm>
            </p:grpSpPr>
            <p:sp>
              <p:nvSpPr>
                <p:cNvPr id="64" name="Rectangle 63">
                  <a:extLst>
                    <a:ext uri="{FF2B5EF4-FFF2-40B4-BE49-F238E27FC236}">
                      <a16:creationId xmlns:a16="http://schemas.microsoft.com/office/drawing/2014/main" id="{62FB075A-7947-48ED-9D9F-57A57AE81557}"/>
                    </a:ext>
                  </a:extLst>
                </p:cNvPr>
                <p:cNvSpPr/>
                <p:nvPr/>
              </p:nvSpPr>
              <p:spPr bwMode="auto">
                <a:xfrm>
                  <a:off x="8234888" y="3788167"/>
                  <a:ext cx="136652" cy="2031822"/>
                </a:xfrm>
                <a:prstGeom prst="rect">
                  <a:avLst/>
                </a:prstGeom>
                <a:solidFill>
                  <a:schemeClr val="accent2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65" name="Rectangle 64">
                  <a:extLst>
                    <a:ext uri="{FF2B5EF4-FFF2-40B4-BE49-F238E27FC236}">
                      <a16:creationId xmlns:a16="http://schemas.microsoft.com/office/drawing/2014/main" id="{0FF44FBF-98AD-42D8-B1B9-848C4EB89F8C}"/>
                    </a:ext>
                  </a:extLst>
                </p:cNvPr>
                <p:cNvSpPr/>
                <p:nvPr/>
              </p:nvSpPr>
              <p:spPr bwMode="auto">
                <a:xfrm>
                  <a:off x="8371539" y="3789686"/>
                  <a:ext cx="199111" cy="2031822"/>
                </a:xfrm>
                <a:prstGeom prst="rect">
                  <a:avLst/>
                </a:pr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5" name="Rectangle 94">
                  <a:extLst>
                    <a:ext uri="{FF2B5EF4-FFF2-40B4-BE49-F238E27FC236}">
                      <a16:creationId xmlns:a16="http://schemas.microsoft.com/office/drawing/2014/main" id="{C6BF750F-17F9-4175-AA6A-A9A7BC6B89DD}"/>
                    </a:ext>
                  </a:extLst>
                </p:cNvPr>
                <p:cNvSpPr/>
                <p:nvPr/>
              </p:nvSpPr>
              <p:spPr bwMode="auto">
                <a:xfrm>
                  <a:off x="8560916" y="3785574"/>
                  <a:ext cx="136653" cy="2031822"/>
                </a:xfrm>
                <a:prstGeom prst="rect">
                  <a:avLst/>
                </a:prstGeom>
                <a:solidFill>
                  <a:schemeClr val="accent2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6" name="Rectangle 95">
                  <a:extLst>
                    <a:ext uri="{FF2B5EF4-FFF2-40B4-BE49-F238E27FC236}">
                      <a16:creationId xmlns:a16="http://schemas.microsoft.com/office/drawing/2014/main" id="{0D3C217C-F989-4581-A234-D9955940FE8D}"/>
                    </a:ext>
                  </a:extLst>
                </p:cNvPr>
                <p:cNvSpPr/>
                <p:nvPr/>
              </p:nvSpPr>
              <p:spPr bwMode="auto">
                <a:xfrm>
                  <a:off x="8684524" y="3788167"/>
                  <a:ext cx="195948" cy="2031822"/>
                </a:xfrm>
                <a:prstGeom prst="rect">
                  <a:avLst/>
                </a:pr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7" name="Rectangle 96">
                  <a:extLst>
                    <a:ext uri="{FF2B5EF4-FFF2-40B4-BE49-F238E27FC236}">
                      <a16:creationId xmlns:a16="http://schemas.microsoft.com/office/drawing/2014/main" id="{B9BE46BC-63D2-4923-AE0F-1C08EAD5EC38}"/>
                    </a:ext>
                  </a:extLst>
                </p:cNvPr>
                <p:cNvSpPr/>
                <p:nvPr/>
              </p:nvSpPr>
              <p:spPr bwMode="auto">
                <a:xfrm>
                  <a:off x="8104063" y="3785574"/>
                  <a:ext cx="136653" cy="2031822"/>
                </a:xfrm>
                <a:prstGeom prst="rect">
                  <a:avLst/>
                </a:prstGeom>
                <a:solidFill>
                  <a:schemeClr val="accent6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8" name="Rectangle 97">
                  <a:extLst>
                    <a:ext uri="{FF2B5EF4-FFF2-40B4-BE49-F238E27FC236}">
                      <a16:creationId xmlns:a16="http://schemas.microsoft.com/office/drawing/2014/main" id="{75BA78F9-03D6-4CED-9BD2-DDC94F524D89}"/>
                    </a:ext>
                  </a:extLst>
                </p:cNvPr>
                <p:cNvSpPr/>
                <p:nvPr/>
              </p:nvSpPr>
              <p:spPr bwMode="auto">
                <a:xfrm>
                  <a:off x="8851030" y="3789686"/>
                  <a:ext cx="136653" cy="2031822"/>
                </a:xfrm>
                <a:prstGeom prst="rect">
                  <a:avLst/>
                </a:prstGeom>
                <a:solidFill>
                  <a:schemeClr val="accent6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9" name="Rectangle 98">
                  <a:extLst>
                    <a:ext uri="{FF2B5EF4-FFF2-40B4-BE49-F238E27FC236}">
                      <a16:creationId xmlns:a16="http://schemas.microsoft.com/office/drawing/2014/main" id="{004C7274-941B-4CA8-A224-F57B34027F4E}"/>
                    </a:ext>
                  </a:extLst>
                </p:cNvPr>
                <p:cNvSpPr/>
                <p:nvPr/>
              </p:nvSpPr>
              <p:spPr bwMode="auto">
                <a:xfrm>
                  <a:off x="7969893" y="3788167"/>
                  <a:ext cx="136653" cy="2031822"/>
                </a:xfrm>
                <a:prstGeom prst="rect">
                  <a:avLst/>
                </a:prstGeom>
                <a:solidFill>
                  <a:schemeClr val="accent2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0" name="Rectangle 99">
                  <a:extLst>
                    <a:ext uri="{FF2B5EF4-FFF2-40B4-BE49-F238E27FC236}">
                      <a16:creationId xmlns:a16="http://schemas.microsoft.com/office/drawing/2014/main" id="{7A972B54-BE0F-4C2B-A6AF-BC0D66C6E06D}"/>
                    </a:ext>
                  </a:extLst>
                </p:cNvPr>
                <p:cNvSpPr/>
                <p:nvPr/>
              </p:nvSpPr>
              <p:spPr bwMode="auto">
                <a:xfrm>
                  <a:off x="7770782" y="3785574"/>
                  <a:ext cx="199111" cy="2031822"/>
                </a:xfrm>
                <a:prstGeom prst="rect">
                  <a:avLst/>
                </a:pr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1" name="Rectangle 100">
                  <a:extLst>
                    <a:ext uri="{FF2B5EF4-FFF2-40B4-BE49-F238E27FC236}">
                      <a16:creationId xmlns:a16="http://schemas.microsoft.com/office/drawing/2014/main" id="{EEC61809-C15A-4884-A3A0-562EC952339D}"/>
                    </a:ext>
                  </a:extLst>
                </p:cNvPr>
                <p:cNvSpPr/>
                <p:nvPr/>
              </p:nvSpPr>
              <p:spPr bwMode="auto">
                <a:xfrm>
                  <a:off x="7632023" y="3787521"/>
                  <a:ext cx="148493" cy="2031822"/>
                </a:xfrm>
                <a:prstGeom prst="rect">
                  <a:avLst/>
                </a:prstGeom>
                <a:solidFill>
                  <a:schemeClr val="accent2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2" name="Freeform: Shape 101">
                  <a:extLst>
                    <a:ext uri="{FF2B5EF4-FFF2-40B4-BE49-F238E27FC236}">
                      <a16:creationId xmlns:a16="http://schemas.microsoft.com/office/drawing/2014/main" id="{7FA0D7D7-179F-4A73-9A6E-A2B37903644A}"/>
                    </a:ext>
                  </a:extLst>
                </p:cNvPr>
                <p:cNvSpPr/>
                <p:nvPr/>
              </p:nvSpPr>
              <p:spPr bwMode="auto">
                <a:xfrm>
                  <a:off x="7214209" y="3787588"/>
                  <a:ext cx="421215" cy="2029522"/>
                </a:xfrm>
                <a:custGeom>
                  <a:avLst/>
                  <a:gdLst>
                    <a:gd name="connsiteX0" fmla="*/ 275064 w 275064"/>
                    <a:gd name="connsiteY0" fmla="*/ 0 h 2029522"/>
                    <a:gd name="connsiteX1" fmla="*/ 275064 w 275064"/>
                    <a:gd name="connsiteY1" fmla="*/ 2029522 h 2029522"/>
                    <a:gd name="connsiteX2" fmla="*/ 226742 w 275064"/>
                    <a:gd name="connsiteY2" fmla="*/ 1999785 h 2029522"/>
                    <a:gd name="connsiteX3" fmla="*/ 170986 w 275064"/>
                    <a:gd name="connsiteY3" fmla="*/ 1929161 h 2029522"/>
                    <a:gd name="connsiteX4" fmla="*/ 0 w 275064"/>
                    <a:gd name="connsiteY4" fmla="*/ 1022195 h 2029522"/>
                    <a:gd name="connsiteX5" fmla="*/ 74342 w 275064"/>
                    <a:gd name="connsiteY5" fmla="*/ 341971 h 2029522"/>
                    <a:gd name="connsiteX6" fmla="*/ 193288 w 275064"/>
                    <a:gd name="connsiteY6" fmla="*/ 52039 h 2029522"/>
                    <a:gd name="connsiteX7" fmla="*/ 275064 w 275064"/>
                    <a:gd name="connsiteY7" fmla="*/ 0 h 2029522"/>
                    <a:gd name="connsiteX0" fmla="*/ 275064 w 275064"/>
                    <a:gd name="connsiteY0" fmla="*/ 0 h 2029522"/>
                    <a:gd name="connsiteX1" fmla="*/ 275064 w 275064"/>
                    <a:gd name="connsiteY1" fmla="*/ 2029522 h 2029522"/>
                    <a:gd name="connsiteX2" fmla="*/ 226742 w 275064"/>
                    <a:gd name="connsiteY2" fmla="*/ 1999785 h 2029522"/>
                    <a:gd name="connsiteX3" fmla="*/ 170986 w 275064"/>
                    <a:gd name="connsiteY3" fmla="*/ 1929161 h 2029522"/>
                    <a:gd name="connsiteX4" fmla="*/ 0 w 275064"/>
                    <a:gd name="connsiteY4" fmla="*/ 1022195 h 2029522"/>
                    <a:gd name="connsiteX5" fmla="*/ 74342 w 275064"/>
                    <a:gd name="connsiteY5" fmla="*/ 341971 h 2029522"/>
                    <a:gd name="connsiteX6" fmla="*/ 193288 w 275064"/>
                    <a:gd name="connsiteY6" fmla="*/ 52039 h 2029522"/>
                    <a:gd name="connsiteX7" fmla="*/ 275064 w 275064"/>
                    <a:gd name="connsiteY7" fmla="*/ 0 h 2029522"/>
                    <a:gd name="connsiteX0" fmla="*/ 275064 w 275064"/>
                    <a:gd name="connsiteY0" fmla="*/ 0 h 2029522"/>
                    <a:gd name="connsiteX1" fmla="*/ 275064 w 275064"/>
                    <a:gd name="connsiteY1" fmla="*/ 2029522 h 2029522"/>
                    <a:gd name="connsiteX2" fmla="*/ 226742 w 275064"/>
                    <a:gd name="connsiteY2" fmla="*/ 1999785 h 2029522"/>
                    <a:gd name="connsiteX3" fmla="*/ 170986 w 275064"/>
                    <a:gd name="connsiteY3" fmla="*/ 1929161 h 2029522"/>
                    <a:gd name="connsiteX4" fmla="*/ 0 w 275064"/>
                    <a:gd name="connsiteY4" fmla="*/ 1022195 h 2029522"/>
                    <a:gd name="connsiteX5" fmla="*/ 74342 w 275064"/>
                    <a:gd name="connsiteY5" fmla="*/ 341971 h 2029522"/>
                    <a:gd name="connsiteX6" fmla="*/ 193288 w 275064"/>
                    <a:gd name="connsiteY6" fmla="*/ 52039 h 2029522"/>
                    <a:gd name="connsiteX7" fmla="*/ 275064 w 275064"/>
                    <a:gd name="connsiteY7" fmla="*/ 0 h 2029522"/>
                    <a:gd name="connsiteX0" fmla="*/ 275064 w 275064"/>
                    <a:gd name="connsiteY0" fmla="*/ 0 h 2029522"/>
                    <a:gd name="connsiteX1" fmla="*/ 275064 w 275064"/>
                    <a:gd name="connsiteY1" fmla="*/ 2029522 h 2029522"/>
                    <a:gd name="connsiteX2" fmla="*/ 226742 w 275064"/>
                    <a:gd name="connsiteY2" fmla="*/ 1999785 h 2029522"/>
                    <a:gd name="connsiteX3" fmla="*/ 170986 w 275064"/>
                    <a:gd name="connsiteY3" fmla="*/ 1929161 h 2029522"/>
                    <a:gd name="connsiteX4" fmla="*/ 0 w 275064"/>
                    <a:gd name="connsiteY4" fmla="*/ 1022195 h 2029522"/>
                    <a:gd name="connsiteX5" fmla="*/ 74342 w 275064"/>
                    <a:gd name="connsiteY5" fmla="*/ 341971 h 2029522"/>
                    <a:gd name="connsiteX6" fmla="*/ 193288 w 275064"/>
                    <a:gd name="connsiteY6" fmla="*/ 52039 h 2029522"/>
                    <a:gd name="connsiteX7" fmla="*/ 275064 w 275064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193843 w 275619"/>
                    <a:gd name="connsiteY6" fmla="*/ 5203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205202 w 275619"/>
                    <a:gd name="connsiteY6" fmla="*/ 4635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205202 w 275619"/>
                    <a:gd name="connsiteY6" fmla="*/ 4635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205202 w 275619"/>
                    <a:gd name="connsiteY6" fmla="*/ 4635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205202 w 275619"/>
                    <a:gd name="connsiteY6" fmla="*/ 46359 h 2029522"/>
                    <a:gd name="connsiteX7" fmla="*/ 275619 w 275619"/>
                    <a:gd name="connsiteY7" fmla="*/ 0 h 2029522"/>
                    <a:gd name="connsiteX0" fmla="*/ 275619 w 275619"/>
                    <a:gd name="connsiteY0" fmla="*/ 0 h 2029522"/>
                    <a:gd name="connsiteX1" fmla="*/ 275619 w 275619"/>
                    <a:gd name="connsiteY1" fmla="*/ 2029522 h 2029522"/>
                    <a:gd name="connsiteX2" fmla="*/ 227297 w 275619"/>
                    <a:gd name="connsiteY2" fmla="*/ 1999785 h 2029522"/>
                    <a:gd name="connsiteX3" fmla="*/ 171541 w 275619"/>
                    <a:gd name="connsiteY3" fmla="*/ 1929161 h 2029522"/>
                    <a:gd name="connsiteX4" fmla="*/ 555 w 275619"/>
                    <a:gd name="connsiteY4" fmla="*/ 1022195 h 2029522"/>
                    <a:gd name="connsiteX5" fmla="*/ 74897 w 275619"/>
                    <a:gd name="connsiteY5" fmla="*/ 341971 h 2029522"/>
                    <a:gd name="connsiteX6" fmla="*/ 205202 w 275619"/>
                    <a:gd name="connsiteY6" fmla="*/ 46359 h 2029522"/>
                    <a:gd name="connsiteX7" fmla="*/ 275619 w 275619"/>
                    <a:gd name="connsiteY7" fmla="*/ 0 h 202952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  <a:cxn ang="0">
                      <a:pos x="connsiteX5" y="connsiteY5"/>
                    </a:cxn>
                    <a:cxn ang="0">
                      <a:pos x="connsiteX6" y="connsiteY6"/>
                    </a:cxn>
                    <a:cxn ang="0">
                      <a:pos x="connsiteX7" y="connsiteY7"/>
                    </a:cxn>
                  </a:cxnLst>
                  <a:rect l="l" t="t" r="r" b="b"/>
                  <a:pathLst>
                    <a:path w="275619" h="2029522">
                      <a:moveTo>
                        <a:pt x="275619" y="0"/>
                      </a:moveTo>
                      <a:lnTo>
                        <a:pt x="275619" y="2029522"/>
                      </a:lnTo>
                      <a:lnTo>
                        <a:pt x="227297" y="1999785"/>
                      </a:lnTo>
                      <a:lnTo>
                        <a:pt x="171541" y="1929161"/>
                      </a:lnTo>
                      <a:cubicBezTo>
                        <a:pt x="76368" y="1705595"/>
                        <a:pt x="46398" y="1611737"/>
                        <a:pt x="555" y="1022195"/>
                      </a:cubicBezTo>
                      <a:cubicBezTo>
                        <a:pt x="-4401" y="654205"/>
                        <a:pt x="24097" y="583580"/>
                        <a:pt x="74897" y="341971"/>
                      </a:cubicBezTo>
                      <a:cubicBezTo>
                        <a:pt x="118332" y="196105"/>
                        <a:pt x="167585" y="80528"/>
                        <a:pt x="205202" y="46359"/>
                      </a:cubicBezTo>
                      <a:cubicBezTo>
                        <a:pt x="235901" y="19893"/>
                        <a:pt x="248360" y="17346"/>
                        <a:pt x="275619" y="0"/>
                      </a:cubicBezTo>
                      <a:close/>
                    </a:path>
                  </a:pathLst>
                </a:cu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3" name="Rectangle 102">
                  <a:extLst>
                    <a:ext uri="{FF2B5EF4-FFF2-40B4-BE49-F238E27FC236}">
                      <a16:creationId xmlns:a16="http://schemas.microsoft.com/office/drawing/2014/main" id="{1B28F967-9A10-4328-9E28-312FE1C8D15D}"/>
                    </a:ext>
                  </a:extLst>
                </p:cNvPr>
                <p:cNvSpPr/>
                <p:nvPr/>
              </p:nvSpPr>
              <p:spPr bwMode="auto">
                <a:xfrm>
                  <a:off x="8984924" y="3785288"/>
                  <a:ext cx="195948" cy="2031822"/>
                </a:xfrm>
                <a:prstGeom prst="rect">
                  <a:avLst/>
                </a:pr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4" name="Rectangle 103">
                  <a:extLst>
                    <a:ext uri="{FF2B5EF4-FFF2-40B4-BE49-F238E27FC236}">
                      <a16:creationId xmlns:a16="http://schemas.microsoft.com/office/drawing/2014/main" id="{E31EC1FF-02A7-4EA5-B976-1A88EE85E1F9}"/>
                    </a:ext>
                  </a:extLst>
                </p:cNvPr>
                <p:cNvSpPr/>
                <p:nvPr/>
              </p:nvSpPr>
              <p:spPr bwMode="auto">
                <a:xfrm>
                  <a:off x="9151430" y="3789982"/>
                  <a:ext cx="136653" cy="2031822"/>
                </a:xfrm>
                <a:prstGeom prst="rect">
                  <a:avLst/>
                </a:prstGeom>
                <a:solidFill>
                  <a:schemeClr val="accent6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5" name="Rectangle 104">
                  <a:extLst>
                    <a:ext uri="{FF2B5EF4-FFF2-40B4-BE49-F238E27FC236}">
                      <a16:creationId xmlns:a16="http://schemas.microsoft.com/office/drawing/2014/main" id="{F0D01D5D-5F47-4BBC-BE18-F81D64766253}"/>
                    </a:ext>
                  </a:extLst>
                </p:cNvPr>
                <p:cNvSpPr/>
                <p:nvPr/>
              </p:nvSpPr>
              <p:spPr bwMode="auto">
                <a:xfrm>
                  <a:off x="9288726" y="3788463"/>
                  <a:ext cx="136653" cy="2031822"/>
                </a:xfrm>
                <a:prstGeom prst="rect">
                  <a:avLst/>
                </a:prstGeom>
                <a:solidFill>
                  <a:schemeClr val="accent2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6" name="Freeform: Shape 105">
                  <a:extLst>
                    <a:ext uri="{FF2B5EF4-FFF2-40B4-BE49-F238E27FC236}">
                      <a16:creationId xmlns:a16="http://schemas.microsoft.com/office/drawing/2014/main" id="{CD32A138-4C01-402C-9C00-B83D0E153C1D}"/>
                    </a:ext>
                  </a:extLst>
                </p:cNvPr>
                <p:cNvSpPr/>
                <p:nvPr/>
              </p:nvSpPr>
              <p:spPr bwMode="auto">
                <a:xfrm>
                  <a:off x="9417359" y="3781935"/>
                  <a:ext cx="561670" cy="2035175"/>
                </a:xfrm>
                <a:custGeom>
                  <a:avLst/>
                  <a:gdLst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63500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92075 w 355600"/>
                    <a:gd name="connsiteY2" fmla="*/ 2032000 h 2035175"/>
                    <a:gd name="connsiteX3" fmla="*/ 355600 w 355600"/>
                    <a:gd name="connsiteY3" fmla="*/ 942975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92075 w 355600"/>
                    <a:gd name="connsiteY2" fmla="*/ 2032000 h 2035175"/>
                    <a:gd name="connsiteX3" fmla="*/ 355600 w 355600"/>
                    <a:gd name="connsiteY3" fmla="*/ 1051463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00"/>
                    <a:gd name="connsiteY0" fmla="*/ 3175 h 2035175"/>
                    <a:gd name="connsiteX1" fmla="*/ 3175 w 355600"/>
                    <a:gd name="connsiteY1" fmla="*/ 2035175 h 2035175"/>
                    <a:gd name="connsiteX2" fmla="*/ 92075 w 355600"/>
                    <a:gd name="connsiteY2" fmla="*/ 2032000 h 2035175"/>
                    <a:gd name="connsiteX3" fmla="*/ 355600 w 355600"/>
                    <a:gd name="connsiteY3" fmla="*/ 1051463 h 2035175"/>
                    <a:gd name="connsiteX4" fmla="*/ 85725 w 355600"/>
                    <a:gd name="connsiteY4" fmla="*/ 0 h 2035175"/>
                    <a:gd name="connsiteX5" fmla="*/ 0 w 355600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55661"/>
                    <a:gd name="connsiteY0" fmla="*/ 3175 h 2035175"/>
                    <a:gd name="connsiteX1" fmla="*/ 3175 w 355661"/>
                    <a:gd name="connsiteY1" fmla="*/ 2035175 h 2035175"/>
                    <a:gd name="connsiteX2" fmla="*/ 92075 w 355661"/>
                    <a:gd name="connsiteY2" fmla="*/ 2032000 h 2035175"/>
                    <a:gd name="connsiteX3" fmla="*/ 355600 w 355661"/>
                    <a:gd name="connsiteY3" fmla="*/ 1051463 h 2035175"/>
                    <a:gd name="connsiteX4" fmla="*/ 85725 w 355661"/>
                    <a:gd name="connsiteY4" fmla="*/ 0 h 2035175"/>
                    <a:gd name="connsiteX5" fmla="*/ 0 w 355661"/>
                    <a:gd name="connsiteY5" fmla="*/ 3175 h 2035175"/>
                    <a:gd name="connsiteX0" fmla="*/ 0 w 367264"/>
                    <a:gd name="connsiteY0" fmla="*/ 3175 h 2035175"/>
                    <a:gd name="connsiteX1" fmla="*/ 3175 w 367264"/>
                    <a:gd name="connsiteY1" fmla="*/ 2035175 h 2035175"/>
                    <a:gd name="connsiteX2" fmla="*/ 92075 w 367264"/>
                    <a:gd name="connsiteY2" fmla="*/ 2032000 h 2035175"/>
                    <a:gd name="connsiteX3" fmla="*/ 367223 w 367264"/>
                    <a:gd name="connsiteY3" fmla="*/ 1051463 h 2035175"/>
                    <a:gd name="connsiteX4" fmla="*/ 85725 w 367264"/>
                    <a:gd name="connsiteY4" fmla="*/ 0 h 2035175"/>
                    <a:gd name="connsiteX5" fmla="*/ 0 w 367264"/>
                    <a:gd name="connsiteY5" fmla="*/ 3175 h 2035175"/>
                    <a:gd name="connsiteX0" fmla="*/ 0 w 367308"/>
                    <a:gd name="connsiteY0" fmla="*/ 3175 h 2035175"/>
                    <a:gd name="connsiteX1" fmla="*/ 3175 w 367308"/>
                    <a:gd name="connsiteY1" fmla="*/ 2035175 h 2035175"/>
                    <a:gd name="connsiteX2" fmla="*/ 92075 w 367308"/>
                    <a:gd name="connsiteY2" fmla="*/ 2032000 h 2035175"/>
                    <a:gd name="connsiteX3" fmla="*/ 367223 w 367308"/>
                    <a:gd name="connsiteY3" fmla="*/ 1051463 h 2035175"/>
                    <a:gd name="connsiteX4" fmla="*/ 85725 w 367308"/>
                    <a:gd name="connsiteY4" fmla="*/ 0 h 2035175"/>
                    <a:gd name="connsiteX5" fmla="*/ 0 w 367308"/>
                    <a:gd name="connsiteY5" fmla="*/ 3175 h 2035175"/>
                    <a:gd name="connsiteX0" fmla="*/ 0 w 367524"/>
                    <a:gd name="connsiteY0" fmla="*/ 3175 h 2035175"/>
                    <a:gd name="connsiteX1" fmla="*/ 3175 w 367524"/>
                    <a:gd name="connsiteY1" fmla="*/ 2035175 h 2035175"/>
                    <a:gd name="connsiteX2" fmla="*/ 92075 w 367524"/>
                    <a:gd name="connsiteY2" fmla="*/ 2032000 h 2035175"/>
                    <a:gd name="connsiteX3" fmla="*/ 367223 w 367524"/>
                    <a:gd name="connsiteY3" fmla="*/ 1051463 h 2035175"/>
                    <a:gd name="connsiteX4" fmla="*/ 85725 w 367524"/>
                    <a:gd name="connsiteY4" fmla="*/ 0 h 2035175"/>
                    <a:gd name="connsiteX5" fmla="*/ 0 w 367524"/>
                    <a:gd name="connsiteY5" fmla="*/ 3175 h 2035175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  <a:cxn ang="0">
                      <a:pos x="connsiteX5" y="connsiteY5"/>
                    </a:cxn>
                  </a:cxnLst>
                  <a:rect l="l" t="t" r="r" b="b"/>
                  <a:pathLst>
                    <a:path w="367524" h="2035175">
                      <a:moveTo>
                        <a:pt x="0" y="3175"/>
                      </a:moveTo>
                      <a:cubicBezTo>
                        <a:pt x="1058" y="680508"/>
                        <a:pt x="2117" y="1357842"/>
                        <a:pt x="3175" y="2035175"/>
                      </a:cubicBezTo>
                      <a:lnTo>
                        <a:pt x="92075" y="2032000"/>
                      </a:lnTo>
                      <a:cubicBezTo>
                        <a:pt x="308371" y="1910507"/>
                        <a:pt x="354451" y="1393484"/>
                        <a:pt x="367223" y="1051463"/>
                      </a:cubicBezTo>
                      <a:cubicBezTo>
                        <a:pt x="368587" y="752152"/>
                        <a:pt x="376354" y="178554"/>
                        <a:pt x="85725" y="0"/>
                      </a:cubicBezTo>
                      <a:lnTo>
                        <a:pt x="0" y="3175"/>
                      </a:lnTo>
                      <a:close/>
                    </a:path>
                  </a:pathLst>
                </a:custGeom>
                <a:solidFill>
                  <a:schemeClr val="accent1"/>
                </a:solidFill>
                <a:ln w="12700" cap="flat" cmpd="sng" algn="ctr">
                  <a:noFill/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7" name="Flowchart: Direct Access Storage 106">
                  <a:extLst>
                    <a:ext uri="{FF2B5EF4-FFF2-40B4-BE49-F238E27FC236}">
                      <a16:creationId xmlns:a16="http://schemas.microsoft.com/office/drawing/2014/main" id="{E25E84E6-BF2C-45E0-A411-404D99277D92}"/>
                    </a:ext>
                  </a:extLst>
                </p:cNvPr>
                <p:cNvSpPr/>
                <p:nvPr/>
              </p:nvSpPr>
              <p:spPr bwMode="auto">
                <a:xfrm>
                  <a:off x="7217180" y="3788167"/>
                  <a:ext cx="2755317" cy="2031822"/>
                </a:xfrm>
                <a:prstGeom prst="flowChartMagneticDrum">
                  <a:avLst/>
                </a:prstGeom>
                <a:noFill/>
                <a:ln w="12700" cap="flat" cmpd="sng" algn="ctr">
                  <a:solidFill>
                    <a:schemeClr val="tx2"/>
                  </a:solidFill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108" name="Cylinder 107">
                  <a:extLst>
                    <a:ext uri="{FF2B5EF4-FFF2-40B4-BE49-F238E27FC236}">
                      <a16:creationId xmlns:a16="http://schemas.microsoft.com/office/drawing/2014/main" id="{24A3F331-5806-467C-8A88-EA6D2E2F11C1}"/>
                    </a:ext>
                  </a:extLst>
                </p:cNvPr>
                <p:cNvSpPr/>
                <p:nvPr/>
              </p:nvSpPr>
              <p:spPr bwMode="auto">
                <a:xfrm rot="5400000">
                  <a:off x="7837991" y="3303791"/>
                  <a:ext cx="1503489" cy="2523029"/>
                </a:xfrm>
                <a:prstGeom prst="can">
                  <a:avLst>
                    <a:gd name="adj" fmla="val 34707"/>
                  </a:avLst>
                </a:prstGeom>
                <a:noFill/>
                <a:ln w="12700" cap="flat" cmpd="sng" algn="ctr">
                  <a:solidFill>
                    <a:schemeClr val="tx2"/>
                  </a:solidFill>
                  <a:prstDash val="dash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sv-SE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</p:grpSp>
          <p:sp>
            <p:nvSpPr>
              <p:cNvPr id="58" name="Cylinder 57">
                <a:extLst>
                  <a:ext uri="{FF2B5EF4-FFF2-40B4-BE49-F238E27FC236}">
                    <a16:creationId xmlns:a16="http://schemas.microsoft.com/office/drawing/2014/main" id="{9FE4792F-8382-4D84-9319-8117B1B288E4}"/>
                  </a:ext>
                </a:extLst>
              </p:cNvPr>
              <p:cNvSpPr/>
              <p:nvPr/>
            </p:nvSpPr>
            <p:spPr bwMode="auto">
              <a:xfrm rot="5400000">
                <a:off x="4652214" y="4073588"/>
                <a:ext cx="232209" cy="2237975"/>
              </a:xfrm>
              <a:prstGeom prst="can">
                <a:avLst>
                  <a:gd name="adj" fmla="val 64274"/>
                </a:avLst>
              </a:prstGeom>
              <a:noFill/>
              <a:ln w="12700" cap="flat" cmpd="sng" algn="ctr">
                <a:solidFill>
                  <a:schemeClr val="tx2"/>
                </a:solidFill>
                <a:prstDash val="dash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marR="0" indent="-357188" algn="l" defTabSz="914400" rtl="0" eaLnBrk="1" fontAlgn="base" latinLnBrk="0" hangingPunct="1">
                  <a:lnSpc>
                    <a:spcPct val="100000"/>
                  </a:lnSpc>
                  <a:spcBef>
                    <a:spcPts val="300"/>
                  </a:spcBef>
                  <a:spcAft>
                    <a:spcPct val="0"/>
                  </a:spcAft>
                  <a:buClrTx/>
                  <a:buSzTx/>
                  <a:buFont typeface="Ericsson Hilda" panose="00000500000000000000" pitchFamily="2" charset="0"/>
                  <a:buChar char="—"/>
                  <a:tabLst/>
                </a:pPr>
                <a:endParaRPr kumimoji="0" lang="sv-SE" sz="2000" b="0" i="0" u="none" strike="noStrike" cap="none" normalizeH="0" baseline="0" dirty="0" err="1">
                  <a:ln>
                    <a:noFill/>
                  </a:ln>
                  <a:solidFill>
                    <a:schemeClr val="bg1"/>
                  </a:solidFill>
                  <a:effectLst/>
                  <a:latin typeface="+mn-lt"/>
                </a:endParaRPr>
              </a:p>
            </p:txBody>
          </p:sp>
          <p:sp>
            <p:nvSpPr>
              <p:cNvPr id="61" name="Cylinder 60">
                <a:extLst>
                  <a:ext uri="{FF2B5EF4-FFF2-40B4-BE49-F238E27FC236}">
                    <a16:creationId xmlns:a16="http://schemas.microsoft.com/office/drawing/2014/main" id="{B27FE558-3AD2-4F26-935D-4A5E2E6C9E8C}"/>
                  </a:ext>
                </a:extLst>
              </p:cNvPr>
              <p:cNvSpPr/>
              <p:nvPr/>
            </p:nvSpPr>
            <p:spPr bwMode="auto">
              <a:xfrm rot="5400000">
                <a:off x="4665234" y="4330450"/>
                <a:ext cx="232209" cy="2211932"/>
              </a:xfrm>
              <a:prstGeom prst="can">
                <a:avLst>
                  <a:gd name="adj" fmla="val 64274"/>
                </a:avLst>
              </a:prstGeom>
              <a:noFill/>
              <a:ln w="12700" cap="flat" cmpd="sng" algn="ctr">
                <a:solidFill>
                  <a:schemeClr val="tx2"/>
                </a:solidFill>
                <a:prstDash val="dash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357188" marR="0" indent="-357188" algn="l" defTabSz="914400" rtl="0" eaLnBrk="1" fontAlgn="base" latinLnBrk="0" hangingPunct="1">
                  <a:lnSpc>
                    <a:spcPct val="100000"/>
                  </a:lnSpc>
                  <a:spcBef>
                    <a:spcPts val="300"/>
                  </a:spcBef>
                  <a:spcAft>
                    <a:spcPct val="0"/>
                  </a:spcAft>
                  <a:buClrTx/>
                  <a:buSzTx/>
                  <a:buFont typeface="Ericsson Hilda" panose="00000500000000000000" pitchFamily="2" charset="0"/>
                  <a:buChar char="—"/>
                  <a:tabLst/>
                </a:pPr>
                <a:endParaRPr kumimoji="0" lang="sv-SE" sz="2000" b="0" i="0" u="none" strike="noStrike" cap="none" normalizeH="0" baseline="0" dirty="0" err="1">
                  <a:ln>
                    <a:noFill/>
                  </a:ln>
                  <a:solidFill>
                    <a:schemeClr val="bg1"/>
                  </a:solidFill>
                  <a:effectLst/>
                  <a:latin typeface="+mn-lt"/>
                </a:endParaRPr>
              </a:p>
            </p:txBody>
          </p:sp>
        </p:grpSp>
      </p:grpSp>
      <p:sp>
        <p:nvSpPr>
          <p:cNvPr id="55" name="Rectangle 54">
            <a:extLst>
              <a:ext uri="{FF2B5EF4-FFF2-40B4-BE49-F238E27FC236}">
                <a16:creationId xmlns:a16="http://schemas.microsoft.com/office/drawing/2014/main" id="{B59F20E0-84BB-49E5-9561-9235CAF404E7}"/>
              </a:ext>
            </a:extLst>
          </p:cNvPr>
          <p:cNvSpPr/>
          <p:nvPr/>
        </p:nvSpPr>
        <p:spPr bwMode="auto">
          <a:xfrm>
            <a:off x="2931576" y="2898067"/>
            <a:ext cx="640132" cy="264742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hRLB</a:t>
            </a:r>
            <a:endParaRPr kumimoji="0" lang="en-US" sz="16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76" name="Arrow: Right 75">
            <a:extLst>
              <a:ext uri="{FF2B5EF4-FFF2-40B4-BE49-F238E27FC236}">
                <a16:creationId xmlns:a16="http://schemas.microsoft.com/office/drawing/2014/main" id="{B57101CB-E799-4212-B5CC-E5518F180164}"/>
              </a:ext>
            </a:extLst>
          </p:cNvPr>
          <p:cNvSpPr/>
          <p:nvPr/>
        </p:nvSpPr>
        <p:spPr bwMode="auto">
          <a:xfrm>
            <a:off x="4301617" y="1575017"/>
            <a:ext cx="997720" cy="1004715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4BC2CD86-DD83-4566-907E-ADBEB6624238}"/>
              </a:ext>
            </a:extLst>
          </p:cNvPr>
          <p:cNvSpPr txBox="1"/>
          <p:nvPr/>
        </p:nvSpPr>
        <p:spPr bwMode="auto">
          <a:xfrm>
            <a:off x="4297033" y="1901219"/>
            <a:ext cx="746840" cy="481464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l">
              <a:buClr>
                <a:schemeClr val="tx1"/>
              </a:buClr>
              <a:buNone/>
            </a:pPr>
            <a:r>
              <a:rPr lang="en-US" dirty="0">
                <a:solidFill>
                  <a:schemeClr val="bg1"/>
                </a:solidFill>
              </a:rPr>
              <a:t>9 Gbit/s</a:t>
            </a:r>
          </a:p>
        </p:txBody>
      </p:sp>
      <p:sp>
        <p:nvSpPr>
          <p:cNvPr id="82" name="Arrow: Right 81">
            <a:extLst>
              <a:ext uri="{FF2B5EF4-FFF2-40B4-BE49-F238E27FC236}">
                <a16:creationId xmlns:a16="http://schemas.microsoft.com/office/drawing/2014/main" id="{BF68D0F7-531B-4FF1-A525-8B56FA12905B}"/>
              </a:ext>
            </a:extLst>
          </p:cNvPr>
          <p:cNvSpPr/>
          <p:nvPr/>
        </p:nvSpPr>
        <p:spPr bwMode="auto">
          <a:xfrm rot="1389881">
            <a:off x="4311702" y="3338904"/>
            <a:ext cx="997720" cy="440668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C2795FCF-E890-419A-9250-A8CE8C0E6BCB}"/>
              </a:ext>
            </a:extLst>
          </p:cNvPr>
          <p:cNvSpPr txBox="1"/>
          <p:nvPr/>
        </p:nvSpPr>
        <p:spPr bwMode="auto">
          <a:xfrm rot="1262998">
            <a:off x="4305126" y="3332984"/>
            <a:ext cx="891477" cy="329719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l">
              <a:buClr>
                <a:schemeClr val="tx1"/>
              </a:buClr>
              <a:buNone/>
            </a:pPr>
            <a:r>
              <a:rPr lang="en-US" dirty="0">
                <a:solidFill>
                  <a:schemeClr val="bg1"/>
                </a:solidFill>
              </a:rPr>
              <a:t>1 Gbit/s</a:t>
            </a:r>
          </a:p>
        </p:txBody>
      </p:sp>
      <p:sp>
        <p:nvSpPr>
          <p:cNvPr id="88" name="Rectangle 87">
            <a:extLst>
              <a:ext uri="{FF2B5EF4-FFF2-40B4-BE49-F238E27FC236}">
                <a16:creationId xmlns:a16="http://schemas.microsoft.com/office/drawing/2014/main" id="{1E5C2EB7-FB21-48EB-8D97-78A2D1214966}"/>
              </a:ext>
            </a:extLst>
          </p:cNvPr>
          <p:cNvSpPr/>
          <p:nvPr/>
        </p:nvSpPr>
        <p:spPr bwMode="auto">
          <a:xfrm>
            <a:off x="9146361" y="1822034"/>
            <a:ext cx="2584184" cy="2121316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tabLst/>
            </a:pPr>
            <a:endParaRPr kumimoji="0" lang="en-US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en-US" sz="28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Kapacita</a:t>
            </a:r>
            <a:r>
              <a:rPr kumimoji="0" lang="en-US" sz="2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 </a:t>
            </a:r>
            <a:r>
              <a:rPr kumimoji="0" lang="en-US" sz="28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až</a:t>
            </a:r>
            <a:r>
              <a:rPr kumimoji="0" lang="en-US" sz="2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 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en-US" sz="2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10 </a:t>
            </a:r>
            <a:r>
              <a:rPr kumimoji="0" lang="en-US" sz="28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GBit</a:t>
            </a:r>
            <a:r>
              <a:rPr kumimoji="0" lang="en-US" sz="2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/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313CE43-1A4B-4A9B-BEC4-3DA4EC0A0BCB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905421" y="2034840"/>
            <a:ext cx="830922" cy="871487"/>
          </a:xfrm>
          <a:prstGeom prst="rect">
            <a:avLst/>
          </a:prstGeom>
        </p:spPr>
      </p:pic>
      <p:cxnSp>
        <p:nvCxnSpPr>
          <p:cNvPr id="62" name="Straight Connector 61">
            <a:extLst>
              <a:ext uri="{FF2B5EF4-FFF2-40B4-BE49-F238E27FC236}">
                <a16:creationId xmlns:a16="http://schemas.microsoft.com/office/drawing/2014/main" id="{A56A0DCA-EBB5-4D9C-BE06-E474E1D1107C}"/>
              </a:ext>
            </a:extLst>
          </p:cNvPr>
          <p:cNvCxnSpPr>
            <a:cxnSpLocks/>
            <a:endCxn id="69" idx="1"/>
          </p:cNvCxnSpPr>
          <p:nvPr/>
        </p:nvCxnSpPr>
        <p:spPr bwMode="auto">
          <a:xfrm>
            <a:off x="3474712" y="2840093"/>
            <a:ext cx="2291184" cy="961765"/>
          </a:xfrm>
          <a:prstGeom prst="line">
            <a:avLst/>
          </a:prstGeom>
          <a:ln>
            <a:prstDash val="sysDot"/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7054B6EA-72EA-4A29-ADAD-1968C801505B}"/>
              </a:ext>
            </a:extLst>
          </p:cNvPr>
          <p:cNvCxnSpPr>
            <a:cxnSpLocks/>
          </p:cNvCxnSpPr>
          <p:nvPr/>
        </p:nvCxnSpPr>
        <p:spPr bwMode="auto">
          <a:xfrm flipV="1">
            <a:off x="3280397" y="2406247"/>
            <a:ext cx="2546192" cy="395484"/>
          </a:xfrm>
          <a:prstGeom prst="line">
            <a:avLst/>
          </a:prstGeom>
          <a:ln>
            <a:prstDash val="sysDot"/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 52">
            <a:extLst>
              <a:ext uri="{FF2B5EF4-FFF2-40B4-BE49-F238E27FC236}">
                <a16:creationId xmlns:a16="http://schemas.microsoft.com/office/drawing/2014/main" id="{7C7C07B8-4E4A-44AE-970D-F9E7B7D48C49}"/>
              </a:ext>
            </a:extLst>
          </p:cNvPr>
          <p:cNvSpPr/>
          <p:nvPr/>
        </p:nvSpPr>
        <p:spPr bwMode="auto">
          <a:xfrm>
            <a:off x="3585028" y="2778445"/>
            <a:ext cx="561898" cy="259571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RLB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6E005971-20E3-4B44-9B50-89FEA07CA863}"/>
              </a:ext>
            </a:extLst>
          </p:cNvPr>
          <p:cNvSpPr txBox="1"/>
          <p:nvPr/>
        </p:nvSpPr>
        <p:spPr bwMode="auto">
          <a:xfrm>
            <a:off x="1516880" y="3397108"/>
            <a:ext cx="2962527" cy="896529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l">
              <a:buClr>
                <a:schemeClr val="tx1"/>
              </a:buClr>
              <a:buNone/>
            </a:pPr>
            <a:r>
              <a:rPr lang="en-US" sz="1200" u="sng" dirty="0">
                <a:latin typeface="+mn-lt"/>
              </a:rPr>
              <a:t>Radio Link Bonding</a:t>
            </a:r>
          </a:p>
          <a:p>
            <a:pPr marL="0" indent="0" algn="l">
              <a:buClr>
                <a:schemeClr val="tx1"/>
              </a:buClr>
              <a:buNone/>
            </a:pPr>
            <a:r>
              <a:rPr lang="en-US" sz="1200" dirty="0" err="1"/>
              <a:t>Prioritizace</a:t>
            </a:r>
            <a:r>
              <a:rPr lang="en-US" sz="1200" dirty="0"/>
              <a:t> </a:t>
            </a:r>
            <a:r>
              <a:rPr lang="en-US" sz="1200" dirty="0" err="1"/>
              <a:t>provozu</a:t>
            </a:r>
            <a:r>
              <a:rPr lang="en-US" sz="1200" dirty="0"/>
              <a:t> </a:t>
            </a:r>
            <a:r>
              <a:rPr lang="en-US" sz="1200" dirty="0" err="1"/>
              <a:t>na</a:t>
            </a:r>
            <a:r>
              <a:rPr lang="en-US" sz="1200" dirty="0"/>
              <a:t> </a:t>
            </a:r>
            <a:r>
              <a:rPr lang="en-US" sz="1200" dirty="0" err="1"/>
              <a:t>jednom</a:t>
            </a:r>
            <a:r>
              <a:rPr lang="en-US" sz="1200" dirty="0"/>
              <a:t> </a:t>
            </a:r>
            <a:r>
              <a:rPr lang="en-US" sz="1200" dirty="0" err="1"/>
              <a:t>rozhraní</a:t>
            </a:r>
            <a:endParaRPr lang="en-US" sz="12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7960668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8" name="Picture 6">
            <a:extLst>
              <a:ext uri="{FF2B5EF4-FFF2-40B4-BE49-F238E27FC236}">
                <a16:creationId xmlns:a16="http://schemas.microsoft.com/office/drawing/2014/main" id="{E75DBDA2-0D6F-4077-AA13-B7093F7BF24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5144351" y="2494665"/>
            <a:ext cx="881785" cy="9571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B26C5F5-0DA9-49ED-AB74-B32DD168B8C2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6640693" y="1525013"/>
            <a:ext cx="2391642" cy="230990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16913D3-ED79-43B1-A5DC-076EA9DE7196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88006" y="1520546"/>
            <a:ext cx="2266086" cy="2353944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110D2FA-42D8-4823-B7A8-8B2A9AE55E7B}"/>
              </a:ext>
            </a:extLst>
          </p:cNvPr>
          <p:cNvCxnSpPr/>
          <p:nvPr/>
        </p:nvCxnSpPr>
        <p:spPr bwMode="auto">
          <a:xfrm>
            <a:off x="5479952" y="3381375"/>
            <a:ext cx="0" cy="1055077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17" name="Text Box 4">
            <a:extLst>
              <a:ext uri="{FF2B5EF4-FFF2-40B4-BE49-F238E27FC236}">
                <a16:creationId xmlns:a16="http://schemas.microsoft.com/office/drawing/2014/main" id="{6132C2EB-E1A4-4BE1-B592-850B11DCF3A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923464" y="2086440"/>
            <a:ext cx="153707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71</a:t>
            </a:r>
          </a:p>
        </p:txBody>
      </p:sp>
      <p:sp>
        <p:nvSpPr>
          <p:cNvPr id="20" name="Text Box 4">
            <a:extLst>
              <a:ext uri="{FF2B5EF4-FFF2-40B4-BE49-F238E27FC236}">
                <a16:creationId xmlns:a16="http://schemas.microsoft.com/office/drawing/2014/main" id="{F96D0309-CECD-430D-B83E-B7E97B708A9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388716" y="1985826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21" name="Text Box 4">
            <a:extLst>
              <a:ext uri="{FF2B5EF4-FFF2-40B4-BE49-F238E27FC236}">
                <a16:creationId xmlns:a16="http://schemas.microsoft.com/office/drawing/2014/main" id="{7553BDBA-5CB7-4ABE-8968-DBAC611FE32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057966" y="3377198"/>
            <a:ext cx="1506822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22" name="Text Box 4">
            <a:extLst>
              <a:ext uri="{FF2B5EF4-FFF2-40B4-BE49-F238E27FC236}">
                <a16:creationId xmlns:a16="http://schemas.microsoft.com/office/drawing/2014/main" id="{6FF998C5-5D92-45AB-8D6F-44671385458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939333" y="1308963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23" name="Text Box 4">
            <a:extLst>
              <a:ext uri="{FF2B5EF4-FFF2-40B4-BE49-F238E27FC236}">
                <a16:creationId xmlns:a16="http://schemas.microsoft.com/office/drawing/2014/main" id="{81A23D04-4E24-466E-9BBB-65BB8C568072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054898" y="1330078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24" name="Freeform 8">
            <a:extLst>
              <a:ext uri="{FF2B5EF4-FFF2-40B4-BE49-F238E27FC236}">
                <a16:creationId xmlns:a16="http://schemas.microsoft.com/office/drawing/2014/main" id="{C48F094A-00C0-4656-8FB5-B8A7A6D71EA7}"/>
              </a:ext>
            </a:extLst>
          </p:cNvPr>
          <p:cNvSpPr>
            <a:spLocks/>
          </p:cNvSpPr>
          <p:nvPr/>
        </p:nvSpPr>
        <p:spPr bwMode="auto">
          <a:xfrm rot="3777015">
            <a:off x="9288656" y="1231081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25" name="Freeform 8">
            <a:extLst>
              <a:ext uri="{FF2B5EF4-FFF2-40B4-BE49-F238E27FC236}">
                <a16:creationId xmlns:a16="http://schemas.microsoft.com/office/drawing/2014/main" id="{633A6684-0CBE-42D4-A9B1-CB0B18F7257D}"/>
              </a:ext>
            </a:extLst>
          </p:cNvPr>
          <p:cNvSpPr>
            <a:spLocks/>
          </p:cNvSpPr>
          <p:nvPr/>
        </p:nvSpPr>
        <p:spPr bwMode="auto">
          <a:xfrm rot="3878363">
            <a:off x="9536410" y="1617031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26" name="Text Box 16">
            <a:extLst>
              <a:ext uri="{FF2B5EF4-FFF2-40B4-BE49-F238E27FC236}">
                <a16:creationId xmlns:a16="http://schemas.microsoft.com/office/drawing/2014/main" id="{642145BD-9F76-4208-8569-5DB4848F5AC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499291" y="2306532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12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112MHz</a:t>
            </a:r>
          </a:p>
        </p:txBody>
      </p:sp>
      <p:sp>
        <p:nvSpPr>
          <p:cNvPr id="27" name="Text Box 16">
            <a:extLst>
              <a:ext uri="{FF2B5EF4-FFF2-40B4-BE49-F238E27FC236}">
                <a16:creationId xmlns:a16="http://schemas.microsoft.com/office/drawing/2014/main" id="{C776C691-4E43-4C6F-BE6F-FF26EA18B79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827100" y="3105836"/>
            <a:ext cx="1768898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Ethernetové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rámce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směrovány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mezi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obě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rádia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22047FA-9D04-4179-96AB-BF57EBB9D627}"/>
              </a:ext>
            </a:extLst>
          </p:cNvPr>
          <p:cNvSpPr/>
          <p:nvPr/>
        </p:nvSpPr>
        <p:spPr bwMode="auto">
          <a:xfrm>
            <a:off x="5387123" y="2934943"/>
            <a:ext cx="533798" cy="263030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indent="0" algn="ctr">
              <a:buNone/>
            </a:pPr>
            <a:r>
              <a:rPr kumimoji="0" lang="en-US" sz="10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</a:rPr>
              <a:t>hRLB</a:t>
            </a:r>
            <a:endParaRPr kumimoji="0" lang="en-US" sz="1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30" name="Title 3">
            <a:extLst>
              <a:ext uri="{FF2B5EF4-FFF2-40B4-BE49-F238E27FC236}">
                <a16:creationId xmlns:a16="http://schemas.microsoft.com/office/drawing/2014/main" id="{F2A81F04-381B-4D69-B833-3AF3F786143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9712" y="497742"/>
            <a:ext cx="11712575" cy="3457575"/>
          </a:xfrm>
        </p:spPr>
        <p:txBody>
          <a:bodyPr/>
          <a:lstStyle/>
          <a:p>
            <a:r>
              <a:rPr lang="en-US" sz="4000" dirty="0">
                <a:solidFill>
                  <a:schemeClr val="tx1"/>
                </a:solidFill>
              </a:rPr>
              <a:t>MINI-LINK 6371</a:t>
            </a:r>
            <a:r>
              <a:rPr lang="en-US" sz="4000" dirty="0"/>
              <a:t> –</a:t>
            </a:r>
            <a:r>
              <a:rPr lang="en-US" sz="4000" dirty="0">
                <a:solidFill>
                  <a:schemeClr val="tx1"/>
                </a:solidFill>
              </a:rPr>
              <a:t> multiband booster </a:t>
            </a:r>
            <a:r>
              <a:rPr lang="en-US" sz="4000" dirty="0"/>
              <a:t>do </a:t>
            </a:r>
            <a:r>
              <a:rPr lang="en-US" sz="4000" dirty="0" err="1"/>
              <a:t>dvou</a:t>
            </a:r>
            <a:r>
              <a:rPr lang="en-US" sz="4000" dirty="0"/>
              <a:t> </a:t>
            </a:r>
            <a:r>
              <a:rPr lang="en-US" sz="4000" dirty="0" err="1"/>
              <a:t>směrů</a:t>
            </a:r>
            <a:endParaRPr lang="en-US" sz="4000" dirty="0">
              <a:solidFill>
                <a:schemeClr val="tx1"/>
              </a:solidFill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75562137-AC20-4FFE-AEC3-A357B825B43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369455" y="3917146"/>
            <a:ext cx="827646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 GBE</a:t>
            </a:r>
          </a:p>
        </p:txBody>
      </p:sp>
      <p:sp>
        <p:nvSpPr>
          <p:cNvPr id="35" name="Text Box 4">
            <a:extLst>
              <a:ext uri="{FF2B5EF4-FFF2-40B4-BE49-F238E27FC236}">
                <a16:creationId xmlns:a16="http://schemas.microsoft.com/office/drawing/2014/main" id="{D9E35CCD-B4E8-4B2A-9147-C0E4671681D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177673" y="3207677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2" name="Freeform: Shape 1">
            <a:extLst>
              <a:ext uri="{FF2B5EF4-FFF2-40B4-BE49-F238E27FC236}">
                <a16:creationId xmlns:a16="http://schemas.microsoft.com/office/drawing/2014/main" id="{3DFEC1D0-4918-41D3-A0E2-8DB182F3225F}"/>
              </a:ext>
            </a:extLst>
          </p:cNvPr>
          <p:cNvSpPr/>
          <p:nvPr/>
        </p:nvSpPr>
        <p:spPr bwMode="auto">
          <a:xfrm>
            <a:off x="3601314" y="3330054"/>
            <a:ext cx="1812510" cy="737001"/>
          </a:xfrm>
          <a:custGeom>
            <a:avLst/>
            <a:gdLst>
              <a:gd name="connsiteX0" fmla="*/ 15344 w 2222246"/>
              <a:gd name="connsiteY0" fmla="*/ 0 h 737001"/>
              <a:gd name="connsiteX1" fmla="*/ 206412 w 2222246"/>
              <a:gd name="connsiteY1" fmla="*/ 436728 h 737001"/>
              <a:gd name="connsiteX2" fmla="*/ 1462006 w 2222246"/>
              <a:gd name="connsiteY2" fmla="*/ 736979 h 737001"/>
              <a:gd name="connsiteX3" fmla="*/ 2117099 w 2222246"/>
              <a:gd name="connsiteY3" fmla="*/ 450376 h 737001"/>
              <a:gd name="connsiteX4" fmla="*/ 2212633 w 2222246"/>
              <a:gd name="connsiteY4" fmla="*/ 27295 h 7370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222246" h="737001">
                <a:moveTo>
                  <a:pt x="15344" y="0"/>
                </a:moveTo>
                <a:cubicBezTo>
                  <a:pt x="-9677" y="156949"/>
                  <a:pt x="-34698" y="313898"/>
                  <a:pt x="206412" y="436728"/>
                </a:cubicBezTo>
                <a:cubicBezTo>
                  <a:pt x="447522" y="559558"/>
                  <a:pt x="1143558" y="734704"/>
                  <a:pt x="1462006" y="736979"/>
                </a:cubicBezTo>
                <a:cubicBezTo>
                  <a:pt x="1780454" y="739254"/>
                  <a:pt x="1991995" y="568657"/>
                  <a:pt x="2117099" y="450376"/>
                </a:cubicBezTo>
                <a:cubicBezTo>
                  <a:pt x="2242203" y="332095"/>
                  <a:pt x="2227418" y="179695"/>
                  <a:pt x="2212633" y="2729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E76C7918-084A-4DBE-9260-41722051BBE9}"/>
              </a:ext>
            </a:extLst>
          </p:cNvPr>
          <p:cNvSpPr/>
          <p:nvPr/>
        </p:nvSpPr>
        <p:spPr bwMode="auto">
          <a:xfrm>
            <a:off x="5629620" y="3257550"/>
            <a:ext cx="2089432" cy="809746"/>
          </a:xfrm>
          <a:custGeom>
            <a:avLst/>
            <a:gdLst>
              <a:gd name="connsiteX0" fmla="*/ 0 w 2185027"/>
              <a:gd name="connsiteY0" fmla="*/ 114300 h 809746"/>
              <a:gd name="connsiteX1" fmla="*/ 276225 w 2185027"/>
              <a:gd name="connsiteY1" fmla="*/ 600075 h 809746"/>
              <a:gd name="connsiteX2" fmla="*/ 1257300 w 2185027"/>
              <a:gd name="connsiteY2" fmla="*/ 809625 h 809746"/>
              <a:gd name="connsiteX3" fmla="*/ 2076450 w 2185027"/>
              <a:gd name="connsiteY3" fmla="*/ 619125 h 809746"/>
              <a:gd name="connsiteX4" fmla="*/ 2152650 w 2185027"/>
              <a:gd name="connsiteY4" fmla="*/ 0 h 8097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185027" h="809746">
                <a:moveTo>
                  <a:pt x="0" y="114300"/>
                </a:moveTo>
                <a:cubicBezTo>
                  <a:pt x="33337" y="299243"/>
                  <a:pt x="66675" y="484187"/>
                  <a:pt x="276225" y="600075"/>
                </a:cubicBezTo>
                <a:cubicBezTo>
                  <a:pt x="485775" y="715963"/>
                  <a:pt x="957263" y="806450"/>
                  <a:pt x="1257300" y="809625"/>
                </a:cubicBezTo>
                <a:cubicBezTo>
                  <a:pt x="1557338" y="812800"/>
                  <a:pt x="1927225" y="754062"/>
                  <a:pt x="2076450" y="619125"/>
                </a:cubicBezTo>
                <a:cubicBezTo>
                  <a:pt x="2225675" y="484188"/>
                  <a:pt x="2189162" y="242094"/>
                  <a:pt x="2152650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19D0C12A-026C-483F-B71D-940229CD9D3E}"/>
              </a:ext>
            </a:extLst>
          </p:cNvPr>
          <p:cNvSpPr/>
          <p:nvPr/>
        </p:nvSpPr>
        <p:spPr bwMode="auto">
          <a:xfrm>
            <a:off x="4095750" y="3219450"/>
            <a:ext cx="1751507" cy="555018"/>
          </a:xfrm>
          <a:custGeom>
            <a:avLst/>
            <a:gdLst>
              <a:gd name="connsiteX0" fmla="*/ 0 w 1751507"/>
              <a:gd name="connsiteY0" fmla="*/ 0 h 555018"/>
              <a:gd name="connsiteX1" fmla="*/ 638175 w 1751507"/>
              <a:gd name="connsiteY1" fmla="*/ 533400 h 555018"/>
              <a:gd name="connsiteX2" fmla="*/ 1638300 w 1751507"/>
              <a:gd name="connsiteY2" fmla="*/ 419100 h 555018"/>
              <a:gd name="connsiteX3" fmla="*/ 1685925 w 1751507"/>
              <a:gd name="connsiteY3" fmla="*/ 123825 h 5550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751507" h="555018">
                <a:moveTo>
                  <a:pt x="0" y="0"/>
                </a:moveTo>
                <a:cubicBezTo>
                  <a:pt x="182562" y="231775"/>
                  <a:pt x="365125" y="463550"/>
                  <a:pt x="638175" y="533400"/>
                </a:cubicBezTo>
                <a:cubicBezTo>
                  <a:pt x="911225" y="603250"/>
                  <a:pt x="1463675" y="487362"/>
                  <a:pt x="1638300" y="419100"/>
                </a:cubicBezTo>
                <a:cubicBezTo>
                  <a:pt x="1812925" y="350838"/>
                  <a:pt x="1749425" y="237331"/>
                  <a:pt x="1685925" y="12382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9" name="Freeform: Shape 38">
            <a:extLst>
              <a:ext uri="{FF2B5EF4-FFF2-40B4-BE49-F238E27FC236}">
                <a16:creationId xmlns:a16="http://schemas.microsoft.com/office/drawing/2014/main" id="{51AADF3F-7D49-4863-84D7-963D1C91C921}"/>
              </a:ext>
            </a:extLst>
          </p:cNvPr>
          <p:cNvSpPr/>
          <p:nvPr/>
        </p:nvSpPr>
        <p:spPr bwMode="auto">
          <a:xfrm>
            <a:off x="5864123" y="3133725"/>
            <a:ext cx="1298827" cy="601627"/>
          </a:xfrm>
          <a:custGeom>
            <a:avLst/>
            <a:gdLst>
              <a:gd name="connsiteX0" fmla="*/ 3277 w 1298827"/>
              <a:gd name="connsiteY0" fmla="*/ 190500 h 601627"/>
              <a:gd name="connsiteX1" fmla="*/ 117577 w 1298827"/>
              <a:gd name="connsiteY1" fmla="*/ 438150 h 601627"/>
              <a:gd name="connsiteX2" fmla="*/ 774802 w 1298827"/>
              <a:gd name="connsiteY2" fmla="*/ 600075 h 601627"/>
              <a:gd name="connsiteX3" fmla="*/ 1212952 w 1298827"/>
              <a:gd name="connsiteY3" fmla="*/ 342900 h 601627"/>
              <a:gd name="connsiteX4" fmla="*/ 1298677 w 1298827"/>
              <a:gd name="connsiteY4" fmla="*/ 0 h 6016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98827" h="601627">
                <a:moveTo>
                  <a:pt x="3277" y="190500"/>
                </a:moveTo>
                <a:cubicBezTo>
                  <a:pt x="-3867" y="280194"/>
                  <a:pt x="-11010" y="369888"/>
                  <a:pt x="117577" y="438150"/>
                </a:cubicBezTo>
                <a:cubicBezTo>
                  <a:pt x="246164" y="506412"/>
                  <a:pt x="592240" y="615950"/>
                  <a:pt x="774802" y="600075"/>
                </a:cubicBezTo>
                <a:cubicBezTo>
                  <a:pt x="957364" y="584200"/>
                  <a:pt x="1125640" y="442913"/>
                  <a:pt x="1212952" y="342900"/>
                </a:cubicBezTo>
                <a:cubicBezTo>
                  <a:pt x="1300265" y="242888"/>
                  <a:pt x="1299471" y="121444"/>
                  <a:pt x="1298677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0" name="Text Box 4">
            <a:extLst>
              <a:ext uri="{FF2B5EF4-FFF2-40B4-BE49-F238E27FC236}">
                <a16:creationId xmlns:a16="http://schemas.microsoft.com/office/drawing/2014/main" id="{1966CDC9-4769-473B-A49D-0B5BF197EB9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730271" y="4099095"/>
            <a:ext cx="827646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 GBE</a:t>
            </a:r>
          </a:p>
        </p:txBody>
      </p: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F4CD55F6-DE5D-4CFC-9767-163CACFC41F9}"/>
              </a:ext>
            </a:extLst>
          </p:cNvPr>
          <p:cNvCxnSpPr>
            <a:cxnSpLocks/>
          </p:cNvCxnSpPr>
          <p:nvPr/>
        </p:nvCxnSpPr>
        <p:spPr bwMode="auto">
          <a:xfrm>
            <a:off x="5572470" y="3371030"/>
            <a:ext cx="0" cy="747300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3" name="Text Box 4">
            <a:extLst>
              <a:ext uri="{FF2B5EF4-FFF2-40B4-BE49-F238E27FC236}">
                <a16:creationId xmlns:a16="http://schemas.microsoft.com/office/drawing/2014/main" id="{967C752D-FBC2-4432-8F5C-318FF3A71BF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971503" y="4422754"/>
            <a:ext cx="96758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/10 GBE</a:t>
            </a:r>
          </a:p>
        </p:txBody>
      </p:sp>
      <p:sp>
        <p:nvSpPr>
          <p:cNvPr id="44" name="Text Box 4">
            <a:extLst>
              <a:ext uri="{FF2B5EF4-FFF2-40B4-BE49-F238E27FC236}">
                <a16:creationId xmlns:a16="http://schemas.microsoft.com/office/drawing/2014/main" id="{2A20A176-AC22-4398-AF03-691065B0376B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479952" y="4041965"/>
            <a:ext cx="1102968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00BaseT</a:t>
            </a:r>
          </a:p>
        </p:txBody>
      </p:sp>
      <p:sp>
        <p:nvSpPr>
          <p:cNvPr id="45" name="Text Box 4">
            <a:extLst>
              <a:ext uri="{FF2B5EF4-FFF2-40B4-BE49-F238E27FC236}">
                <a16:creationId xmlns:a16="http://schemas.microsoft.com/office/drawing/2014/main" id="{7F33ADB6-8661-4601-8CCE-0AE31DA35E8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577667" y="1957935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46" name="Freeform 8">
            <a:extLst>
              <a:ext uri="{FF2B5EF4-FFF2-40B4-BE49-F238E27FC236}">
                <a16:creationId xmlns:a16="http://schemas.microsoft.com/office/drawing/2014/main" id="{0DD75498-EC5C-47DF-949C-2BDA615859BD}"/>
              </a:ext>
            </a:extLst>
          </p:cNvPr>
          <p:cNvSpPr>
            <a:spLocks/>
          </p:cNvSpPr>
          <p:nvPr/>
        </p:nvSpPr>
        <p:spPr bwMode="auto">
          <a:xfrm rot="17294629">
            <a:off x="1891381" y="1202757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7" name="Freeform 8">
            <a:extLst>
              <a:ext uri="{FF2B5EF4-FFF2-40B4-BE49-F238E27FC236}">
                <a16:creationId xmlns:a16="http://schemas.microsoft.com/office/drawing/2014/main" id="{CB1F600D-5506-4A07-891D-124554BDDEB1}"/>
              </a:ext>
            </a:extLst>
          </p:cNvPr>
          <p:cNvSpPr>
            <a:spLocks/>
          </p:cNvSpPr>
          <p:nvPr/>
        </p:nvSpPr>
        <p:spPr bwMode="auto">
          <a:xfrm rot="17395977">
            <a:off x="1644602" y="1626454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8" name="Text Box 4">
            <a:extLst>
              <a:ext uri="{FF2B5EF4-FFF2-40B4-BE49-F238E27FC236}">
                <a16:creationId xmlns:a16="http://schemas.microsoft.com/office/drawing/2014/main" id="{C84DFF55-CB4E-44F7-BD10-DE2A8203DA7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210183" y="3338808"/>
            <a:ext cx="1506822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49" name="Text Box 4">
            <a:extLst>
              <a:ext uri="{FF2B5EF4-FFF2-40B4-BE49-F238E27FC236}">
                <a16:creationId xmlns:a16="http://schemas.microsoft.com/office/drawing/2014/main" id="{BE052753-412A-4524-9FD8-3C682411CE0D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091732" y="3202102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50" name="Text Box 16">
            <a:extLst>
              <a:ext uri="{FF2B5EF4-FFF2-40B4-BE49-F238E27FC236}">
                <a16:creationId xmlns:a16="http://schemas.microsoft.com/office/drawing/2014/main" id="{4F3B0E34-CA30-4C29-A690-05B36E5CE56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-30728" y="2534938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12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112MHz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84BAC85E-5986-490C-87E1-E9A8A12E73EE}"/>
              </a:ext>
            </a:extLst>
          </p:cNvPr>
          <p:cNvSpPr txBox="1"/>
          <p:nvPr/>
        </p:nvSpPr>
        <p:spPr>
          <a:xfrm>
            <a:off x="221555" y="4840938"/>
            <a:ext cx="8810780" cy="142573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600" dirty="0"/>
              <a:t>MINI-LINK 6371 – </a:t>
            </a:r>
            <a:r>
              <a:rPr lang="en-US" sz="1600" dirty="0" err="1"/>
              <a:t>jednotka</a:t>
            </a:r>
            <a:r>
              <a:rPr lang="en-US" sz="1600" dirty="0"/>
              <a:t> pro </a:t>
            </a:r>
            <a:r>
              <a:rPr lang="en-US" sz="1600" dirty="0" err="1"/>
              <a:t>vnější</a:t>
            </a:r>
            <a:r>
              <a:rPr lang="en-US" sz="1600" dirty="0"/>
              <a:t> </a:t>
            </a:r>
            <a:r>
              <a:rPr lang="en-US" sz="1600" dirty="0" err="1"/>
              <a:t>instalaci</a:t>
            </a:r>
            <a:endParaRPr lang="en-US" sz="1600" dirty="0"/>
          </a:p>
          <a:p>
            <a:r>
              <a:rPr lang="en-US" sz="1600" dirty="0"/>
              <a:t>Multiband </a:t>
            </a:r>
            <a:r>
              <a:rPr lang="en-US" sz="1600" dirty="0" err="1"/>
              <a:t>konfigurace</a:t>
            </a:r>
            <a:r>
              <a:rPr lang="en-US" sz="1600" dirty="0"/>
              <a:t> do </a:t>
            </a:r>
            <a:r>
              <a:rPr lang="en-US" sz="1600" dirty="0" err="1"/>
              <a:t>dvou</a:t>
            </a:r>
            <a:r>
              <a:rPr lang="en-US" sz="1600" dirty="0"/>
              <a:t> </a:t>
            </a:r>
            <a:r>
              <a:rPr lang="en-US" sz="1600" dirty="0" err="1"/>
              <a:t>směrů</a:t>
            </a:r>
            <a:r>
              <a:rPr lang="en-US" sz="1600" dirty="0"/>
              <a:t> – pro </a:t>
            </a:r>
            <a:r>
              <a:rPr lang="en-US" sz="1600" dirty="0" err="1"/>
              <a:t>agregační</a:t>
            </a:r>
            <a:r>
              <a:rPr lang="en-US" sz="1600" dirty="0"/>
              <a:t> </a:t>
            </a:r>
            <a:r>
              <a:rPr lang="en-US" sz="1600" dirty="0" err="1"/>
              <a:t>uzel</a:t>
            </a:r>
            <a:r>
              <a:rPr lang="en-US" sz="1600" dirty="0"/>
              <a:t>, </a:t>
            </a:r>
            <a:r>
              <a:rPr lang="en-US" sz="1600" dirty="0" err="1"/>
              <a:t>nebo</a:t>
            </a:r>
            <a:r>
              <a:rPr lang="en-US" sz="1600" dirty="0"/>
              <a:t> </a:t>
            </a:r>
            <a:r>
              <a:rPr lang="en-US" sz="1600" dirty="0" err="1"/>
              <a:t>opakovač</a:t>
            </a:r>
            <a:r>
              <a:rPr lang="en-US" sz="1600" dirty="0"/>
              <a:t> s </a:t>
            </a:r>
            <a:r>
              <a:rPr lang="en-US" sz="1600" dirty="0" err="1"/>
              <a:t>lokálním</a:t>
            </a:r>
            <a:r>
              <a:rPr lang="en-US" sz="1600" dirty="0"/>
              <a:t> </a:t>
            </a:r>
            <a:r>
              <a:rPr lang="en-US" sz="1600" dirty="0" err="1"/>
              <a:t>příspěvkem</a:t>
            </a:r>
            <a:endParaRPr lang="en-US" sz="1600" dirty="0"/>
          </a:p>
          <a:p>
            <a:r>
              <a:rPr lang="en-US" sz="1600" dirty="0" err="1"/>
              <a:t>Sdružení</a:t>
            </a:r>
            <a:r>
              <a:rPr lang="en-US" sz="1600" dirty="0"/>
              <a:t> </a:t>
            </a:r>
            <a:r>
              <a:rPr lang="en-US" sz="1600" dirty="0" err="1"/>
              <a:t>provozu</a:t>
            </a:r>
            <a:r>
              <a:rPr lang="en-US" sz="1600" dirty="0"/>
              <a:t> </a:t>
            </a:r>
            <a:r>
              <a:rPr lang="en-US" sz="1600" dirty="0" err="1"/>
              <a:t>mezi</a:t>
            </a:r>
            <a:r>
              <a:rPr lang="en-US" sz="1600" dirty="0"/>
              <a:t> </a:t>
            </a:r>
            <a:r>
              <a:rPr lang="en-US" sz="1600" dirty="0" err="1"/>
              <a:t>standardním</a:t>
            </a:r>
            <a:r>
              <a:rPr lang="en-US" sz="1600" dirty="0"/>
              <a:t> </a:t>
            </a:r>
            <a:r>
              <a:rPr lang="en-US" sz="1600" dirty="0" err="1"/>
              <a:t>pásmem</a:t>
            </a:r>
            <a:r>
              <a:rPr lang="en-US" sz="1600" dirty="0"/>
              <a:t> a E </a:t>
            </a:r>
            <a:r>
              <a:rPr lang="en-US" sz="1600" dirty="0" err="1"/>
              <a:t>pásmem</a:t>
            </a:r>
            <a:r>
              <a:rPr lang="en-US" sz="1600" dirty="0"/>
              <a:t> </a:t>
            </a:r>
            <a:r>
              <a:rPr lang="en-US" sz="1600" dirty="0" err="1"/>
              <a:t>na</a:t>
            </a:r>
            <a:r>
              <a:rPr lang="en-US" sz="1600" dirty="0"/>
              <a:t> </a:t>
            </a:r>
            <a:r>
              <a:rPr lang="en-US" sz="1600" dirty="0" err="1"/>
              <a:t>první</a:t>
            </a:r>
            <a:r>
              <a:rPr lang="en-US" sz="1600" dirty="0"/>
              <a:t> </a:t>
            </a:r>
            <a:r>
              <a:rPr lang="en-US" sz="1600" dirty="0" err="1"/>
              <a:t>vrstvě</a:t>
            </a:r>
            <a:r>
              <a:rPr lang="en-US" sz="1600" dirty="0"/>
              <a:t> </a:t>
            </a:r>
            <a:r>
              <a:rPr lang="en-US" sz="1600" dirty="0" err="1"/>
              <a:t>pomocí</a:t>
            </a:r>
            <a:r>
              <a:rPr lang="en-US" sz="1600" dirty="0"/>
              <a:t> </a:t>
            </a:r>
            <a:r>
              <a:rPr lang="en-US" sz="1600" dirty="0" err="1"/>
              <a:t>hRLB</a:t>
            </a:r>
            <a:endParaRPr lang="en-US" sz="1600" dirty="0"/>
          </a:p>
          <a:p>
            <a:r>
              <a:rPr lang="en-US" sz="1600" dirty="0" err="1"/>
              <a:t>Kapacita</a:t>
            </a:r>
            <a:r>
              <a:rPr lang="en-US" sz="1600" dirty="0"/>
              <a:t> </a:t>
            </a:r>
            <a:r>
              <a:rPr lang="en-US" sz="1600" dirty="0" err="1"/>
              <a:t>až</a:t>
            </a:r>
            <a:r>
              <a:rPr lang="en-US" sz="1600" dirty="0"/>
              <a:t> 10GBit/s</a:t>
            </a:r>
          </a:p>
          <a:p>
            <a:r>
              <a:rPr lang="en-US" sz="1600" dirty="0" err="1"/>
              <a:t>Funkce</a:t>
            </a:r>
            <a:r>
              <a:rPr lang="en-US" sz="1600" dirty="0"/>
              <a:t> L2 </a:t>
            </a:r>
            <a:r>
              <a:rPr lang="en-US" sz="1600" dirty="0" err="1"/>
              <a:t>přepínače</a:t>
            </a:r>
            <a:r>
              <a:rPr lang="en-US" sz="1600" dirty="0"/>
              <a:t> i L3 </a:t>
            </a:r>
            <a:r>
              <a:rPr lang="en-US" sz="1600" dirty="0" err="1"/>
              <a:t>směrovače</a:t>
            </a:r>
            <a:endParaRPr lang="en-US" sz="1600" dirty="0"/>
          </a:p>
        </p:txBody>
      </p:sp>
      <p:sp>
        <p:nvSpPr>
          <p:cNvPr id="54" name="Freeform 4">
            <a:extLst>
              <a:ext uri="{FF2B5EF4-FFF2-40B4-BE49-F238E27FC236}">
                <a16:creationId xmlns:a16="http://schemas.microsoft.com/office/drawing/2014/main" id="{90029355-1E7F-4937-8C4E-9F0E57E5FE23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491096" y="2401366"/>
            <a:ext cx="344430" cy="495965"/>
          </a:xfrm>
          <a:custGeom>
            <a:avLst/>
            <a:gdLst>
              <a:gd name="T0" fmla="*/ 162410982 w 409"/>
              <a:gd name="T1" fmla="*/ 23323976 h 589"/>
              <a:gd name="T2" fmla="*/ 146593937 w 409"/>
              <a:gd name="T3" fmla="*/ 0 h 589"/>
              <a:gd name="T4" fmla="*/ 0 w 409"/>
              <a:gd name="T5" fmla="*/ 15762989 h 589"/>
              <a:gd name="T6" fmla="*/ 15794570 w 409"/>
              <a:gd name="T7" fmla="*/ 233510122 h 589"/>
              <a:gd name="T8" fmla="*/ 162410982 w 409"/>
              <a:gd name="T9" fmla="*/ 217729586 h 589"/>
              <a:gd name="T10" fmla="*/ 159195943 w 409"/>
              <a:gd name="T11" fmla="*/ 32891532 h 589"/>
              <a:gd name="T12" fmla="*/ 155993742 w 409"/>
              <a:gd name="T13" fmla="*/ 217729586 h 589"/>
              <a:gd name="T14" fmla="*/ 15794570 w 409"/>
              <a:gd name="T15" fmla="*/ 227087625 h 589"/>
              <a:gd name="T16" fmla="*/ 6417240 w 409"/>
              <a:gd name="T17" fmla="*/ 15762989 h 589"/>
              <a:gd name="T18" fmla="*/ 146593937 w 409"/>
              <a:gd name="T19" fmla="*/ 6412524 h 589"/>
              <a:gd name="T20" fmla="*/ 155993742 w 409"/>
              <a:gd name="T21" fmla="*/ 23323976 h 589"/>
              <a:gd name="T22" fmla="*/ 126526779 w 409"/>
              <a:gd name="T23" fmla="*/ 60615059 h 589"/>
              <a:gd name="T24" fmla="*/ 129751375 w 409"/>
              <a:gd name="T25" fmla="*/ 57428750 h 589"/>
              <a:gd name="T26" fmla="*/ 128605845 w 409"/>
              <a:gd name="T27" fmla="*/ 31694851 h 589"/>
              <a:gd name="T28" fmla="*/ 103200529 w 409"/>
              <a:gd name="T29" fmla="*/ 30906154 h 589"/>
              <a:gd name="T30" fmla="*/ 103200529 w 409"/>
              <a:gd name="T31" fmla="*/ 37226346 h 589"/>
              <a:gd name="T32" fmla="*/ 78639573 w 409"/>
              <a:gd name="T33" fmla="*/ 77414655 h 589"/>
              <a:gd name="T34" fmla="*/ 54451129 w 409"/>
              <a:gd name="T35" fmla="*/ 37226346 h 589"/>
              <a:gd name="T36" fmla="*/ 54451129 w 409"/>
              <a:gd name="T37" fmla="*/ 30906154 h 589"/>
              <a:gd name="T38" fmla="*/ 28899125 w 409"/>
              <a:gd name="T39" fmla="*/ 31694851 h 589"/>
              <a:gd name="T40" fmla="*/ 27748768 w 409"/>
              <a:gd name="T41" fmla="*/ 57428750 h 589"/>
              <a:gd name="T42" fmla="*/ 34079939 w 409"/>
              <a:gd name="T43" fmla="*/ 57428750 h 589"/>
              <a:gd name="T44" fmla="*/ 74301026 w 409"/>
              <a:gd name="T45" fmla="*/ 81589617 h 589"/>
              <a:gd name="T46" fmla="*/ 34079939 w 409"/>
              <a:gd name="T47" fmla="*/ 106279832 h 589"/>
              <a:gd name="T48" fmla="*/ 27748768 w 409"/>
              <a:gd name="T49" fmla="*/ 106279832 h 589"/>
              <a:gd name="T50" fmla="*/ 27748768 w 409"/>
              <a:gd name="T51" fmla="*/ 129576725 h 589"/>
              <a:gd name="T52" fmla="*/ 30951150 w 409"/>
              <a:gd name="T53" fmla="*/ 132798796 h 589"/>
              <a:gd name="T54" fmla="*/ 57490824 w 409"/>
              <a:gd name="T55" fmla="*/ 129576725 h 589"/>
              <a:gd name="T56" fmla="*/ 38503333 w 409"/>
              <a:gd name="T57" fmla="*/ 126377633 h 589"/>
              <a:gd name="T58" fmla="*/ 118638948 w 409"/>
              <a:gd name="T59" fmla="*/ 126377633 h 589"/>
              <a:gd name="T60" fmla="*/ 99987637 w 409"/>
              <a:gd name="T61" fmla="*/ 129576725 h 589"/>
              <a:gd name="T62" fmla="*/ 103200529 w 409"/>
              <a:gd name="T63" fmla="*/ 132798796 h 589"/>
              <a:gd name="T64" fmla="*/ 128605845 w 409"/>
              <a:gd name="T65" fmla="*/ 131654123 h 589"/>
              <a:gd name="T66" fmla="*/ 129751375 w 409"/>
              <a:gd name="T67" fmla="*/ 106279832 h 589"/>
              <a:gd name="T68" fmla="*/ 123549407 w 409"/>
              <a:gd name="T69" fmla="*/ 106279832 h 589"/>
              <a:gd name="T70" fmla="*/ 83348355 w 409"/>
              <a:gd name="T71" fmla="*/ 81589617 h 589"/>
              <a:gd name="T72" fmla="*/ 123549407 w 409"/>
              <a:gd name="T73" fmla="*/ 57428750 h 589"/>
              <a:gd name="T74" fmla="*/ 0 60000 65536"/>
              <a:gd name="T75" fmla="*/ 0 60000 65536"/>
              <a:gd name="T76" fmla="*/ 0 60000 65536"/>
              <a:gd name="T77" fmla="*/ 0 60000 65536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w 409"/>
              <a:gd name="T112" fmla="*/ 0 h 589"/>
              <a:gd name="T113" fmla="*/ 409 w 409"/>
              <a:gd name="T114" fmla="*/ 589 h 589"/>
            </a:gdLst>
            <a:ahLst/>
            <a:cxnLst>
              <a:cxn ang="T74">
                <a:pos x="T0" y="T1"/>
              </a:cxn>
              <a:cxn ang="T75">
                <a:pos x="T2" y="T3"/>
              </a:cxn>
              <a:cxn ang="T76">
                <a:pos x="T4" y="T5"/>
              </a:cxn>
              <a:cxn ang="T77">
                <a:pos x="T6" y="T7"/>
              </a:cxn>
              <a:cxn ang="T78">
                <a:pos x="T8" y="T9"/>
              </a:cxn>
              <a:cxn ang="T79">
                <a:pos x="T10" y="T11"/>
              </a:cxn>
              <a:cxn ang="T80">
                <a:pos x="T12" y="T13"/>
              </a:cxn>
              <a:cxn ang="T81">
                <a:pos x="T14" y="T15"/>
              </a:cxn>
              <a:cxn ang="T82">
                <a:pos x="T16" y="T17"/>
              </a:cxn>
              <a:cxn ang="T83">
                <a:pos x="T18" y="T19"/>
              </a:cxn>
              <a:cxn ang="T84">
                <a:pos x="T20" y="T21"/>
              </a:cxn>
              <a:cxn ang="T85">
                <a:pos x="T22" y="T23"/>
              </a:cxn>
              <a:cxn ang="T86">
                <a:pos x="T24" y="T25"/>
              </a:cxn>
              <a:cxn ang="T87">
                <a:pos x="T26" y="T27"/>
              </a:cxn>
              <a:cxn ang="T88">
                <a:pos x="T28" y="T29"/>
              </a:cxn>
              <a:cxn ang="T89">
                <a:pos x="T30" y="T31"/>
              </a:cxn>
              <a:cxn ang="T90">
                <a:pos x="T32" y="T33"/>
              </a:cxn>
              <a:cxn ang="T91">
                <a:pos x="T34" y="T35"/>
              </a:cxn>
              <a:cxn ang="T92">
                <a:pos x="T36" y="T37"/>
              </a:cxn>
              <a:cxn ang="T93">
                <a:pos x="T38" y="T39"/>
              </a:cxn>
              <a:cxn ang="T94">
                <a:pos x="T40" y="T41"/>
              </a:cxn>
              <a:cxn ang="T95">
                <a:pos x="T42" y="T43"/>
              </a:cxn>
              <a:cxn ang="T96">
                <a:pos x="T44" y="T45"/>
              </a:cxn>
              <a:cxn ang="T97">
                <a:pos x="T46" y="T47"/>
              </a:cxn>
              <a:cxn ang="T98">
                <a:pos x="T48" y="T49"/>
              </a:cxn>
              <a:cxn ang="T99">
                <a:pos x="T50" y="T51"/>
              </a:cxn>
              <a:cxn ang="T100">
                <a:pos x="T52" y="T53"/>
              </a:cxn>
              <a:cxn ang="T101">
                <a:pos x="T54" y="T55"/>
              </a:cxn>
              <a:cxn ang="T102">
                <a:pos x="T56" y="T57"/>
              </a:cxn>
              <a:cxn ang="T103">
                <a:pos x="T58" y="T59"/>
              </a:cxn>
              <a:cxn ang="T104">
                <a:pos x="T60" y="T61"/>
              </a:cxn>
              <a:cxn ang="T105">
                <a:pos x="T62" y="T63"/>
              </a:cxn>
              <a:cxn ang="T106">
                <a:pos x="T64" y="T65"/>
              </a:cxn>
              <a:cxn ang="T107">
                <a:pos x="T66" y="T67"/>
              </a:cxn>
              <a:cxn ang="T108">
                <a:pos x="T68" y="T69"/>
              </a:cxn>
              <a:cxn ang="T109">
                <a:pos x="T70" y="T71"/>
              </a:cxn>
              <a:cxn ang="T110">
                <a:pos x="T72" y="T73"/>
              </a:cxn>
            </a:cxnLst>
            <a:rect l="T111" t="T112" r="T113" b="T114"/>
            <a:pathLst>
              <a:path w="409" h="589">
                <a:moveTo>
                  <a:pt x="401" y="67"/>
                </a:moveTo>
                <a:cubicBezTo>
                  <a:pt x="405" y="67"/>
                  <a:pt x="409" y="64"/>
                  <a:pt x="409" y="59"/>
                </a:cubicBezTo>
                <a:cubicBezTo>
                  <a:pt x="409" y="40"/>
                  <a:pt x="409" y="40"/>
                  <a:pt x="409" y="40"/>
                </a:cubicBezTo>
                <a:cubicBezTo>
                  <a:pt x="409" y="18"/>
                  <a:pt x="391" y="0"/>
                  <a:pt x="369" y="0"/>
                </a:cubicBezTo>
                <a:cubicBezTo>
                  <a:pt x="40" y="0"/>
                  <a:pt x="40" y="0"/>
                  <a:pt x="40" y="0"/>
                </a:cubicBezTo>
                <a:cubicBezTo>
                  <a:pt x="18" y="0"/>
                  <a:pt x="0" y="18"/>
                  <a:pt x="0" y="40"/>
                </a:cubicBezTo>
                <a:cubicBezTo>
                  <a:pt x="0" y="549"/>
                  <a:pt x="0" y="549"/>
                  <a:pt x="0" y="549"/>
                </a:cubicBezTo>
                <a:cubicBezTo>
                  <a:pt x="0" y="571"/>
                  <a:pt x="18" y="589"/>
                  <a:pt x="40" y="589"/>
                </a:cubicBezTo>
                <a:cubicBezTo>
                  <a:pt x="369" y="589"/>
                  <a:pt x="369" y="589"/>
                  <a:pt x="369" y="589"/>
                </a:cubicBezTo>
                <a:cubicBezTo>
                  <a:pt x="391" y="589"/>
                  <a:pt x="409" y="571"/>
                  <a:pt x="409" y="549"/>
                </a:cubicBezTo>
                <a:cubicBezTo>
                  <a:pt x="409" y="91"/>
                  <a:pt x="409" y="91"/>
                  <a:pt x="409" y="91"/>
                </a:cubicBezTo>
                <a:cubicBezTo>
                  <a:pt x="409" y="87"/>
                  <a:pt x="405" y="83"/>
                  <a:pt x="401" y="83"/>
                </a:cubicBezTo>
                <a:cubicBezTo>
                  <a:pt x="397" y="83"/>
                  <a:pt x="393" y="87"/>
                  <a:pt x="393" y="91"/>
                </a:cubicBezTo>
                <a:cubicBezTo>
                  <a:pt x="393" y="549"/>
                  <a:pt x="393" y="549"/>
                  <a:pt x="393" y="549"/>
                </a:cubicBezTo>
                <a:cubicBezTo>
                  <a:pt x="393" y="562"/>
                  <a:pt x="382" y="573"/>
                  <a:pt x="369" y="573"/>
                </a:cubicBezTo>
                <a:cubicBezTo>
                  <a:pt x="40" y="573"/>
                  <a:pt x="40" y="573"/>
                  <a:pt x="40" y="573"/>
                </a:cubicBezTo>
                <a:cubicBezTo>
                  <a:pt x="26" y="573"/>
                  <a:pt x="16" y="562"/>
                  <a:pt x="16" y="549"/>
                </a:cubicBezTo>
                <a:cubicBezTo>
                  <a:pt x="16" y="40"/>
                  <a:pt x="16" y="40"/>
                  <a:pt x="16" y="40"/>
                </a:cubicBezTo>
                <a:cubicBezTo>
                  <a:pt x="16" y="27"/>
                  <a:pt x="26" y="16"/>
                  <a:pt x="40" y="16"/>
                </a:cubicBezTo>
                <a:cubicBezTo>
                  <a:pt x="369" y="16"/>
                  <a:pt x="369" y="16"/>
                  <a:pt x="369" y="16"/>
                </a:cubicBezTo>
                <a:cubicBezTo>
                  <a:pt x="382" y="16"/>
                  <a:pt x="393" y="27"/>
                  <a:pt x="393" y="40"/>
                </a:cubicBezTo>
                <a:cubicBezTo>
                  <a:pt x="393" y="59"/>
                  <a:pt x="393" y="59"/>
                  <a:pt x="393" y="59"/>
                </a:cubicBezTo>
                <a:cubicBezTo>
                  <a:pt x="393" y="64"/>
                  <a:pt x="397" y="67"/>
                  <a:pt x="401" y="67"/>
                </a:cubicBezTo>
                <a:close/>
                <a:moveTo>
                  <a:pt x="319" y="153"/>
                </a:moveTo>
                <a:cubicBezTo>
                  <a:pt x="323" y="153"/>
                  <a:pt x="327" y="149"/>
                  <a:pt x="327" y="145"/>
                </a:cubicBezTo>
                <a:cubicBezTo>
                  <a:pt x="327" y="145"/>
                  <a:pt x="327" y="145"/>
                  <a:pt x="327" y="145"/>
                </a:cubicBezTo>
                <a:cubicBezTo>
                  <a:pt x="327" y="86"/>
                  <a:pt x="327" y="86"/>
                  <a:pt x="327" y="86"/>
                </a:cubicBezTo>
                <a:cubicBezTo>
                  <a:pt x="327" y="84"/>
                  <a:pt x="326" y="82"/>
                  <a:pt x="324" y="80"/>
                </a:cubicBezTo>
                <a:cubicBezTo>
                  <a:pt x="323" y="79"/>
                  <a:pt x="321" y="78"/>
                  <a:pt x="319" y="78"/>
                </a:cubicBezTo>
                <a:cubicBezTo>
                  <a:pt x="260" y="78"/>
                  <a:pt x="260" y="78"/>
                  <a:pt x="260" y="78"/>
                </a:cubicBezTo>
                <a:cubicBezTo>
                  <a:pt x="255" y="78"/>
                  <a:pt x="252" y="82"/>
                  <a:pt x="252" y="86"/>
                </a:cubicBezTo>
                <a:cubicBezTo>
                  <a:pt x="252" y="91"/>
                  <a:pt x="255" y="94"/>
                  <a:pt x="260" y="94"/>
                </a:cubicBezTo>
                <a:cubicBezTo>
                  <a:pt x="299" y="94"/>
                  <a:pt x="299" y="94"/>
                  <a:pt x="299" y="94"/>
                </a:cubicBezTo>
                <a:cubicBezTo>
                  <a:pt x="198" y="195"/>
                  <a:pt x="198" y="195"/>
                  <a:pt x="198" y="195"/>
                </a:cubicBezTo>
                <a:cubicBezTo>
                  <a:pt x="97" y="94"/>
                  <a:pt x="97" y="94"/>
                  <a:pt x="97" y="94"/>
                </a:cubicBezTo>
                <a:cubicBezTo>
                  <a:pt x="137" y="94"/>
                  <a:pt x="137" y="94"/>
                  <a:pt x="137" y="94"/>
                </a:cubicBezTo>
                <a:cubicBezTo>
                  <a:pt x="141" y="94"/>
                  <a:pt x="145" y="91"/>
                  <a:pt x="145" y="86"/>
                </a:cubicBezTo>
                <a:cubicBezTo>
                  <a:pt x="145" y="82"/>
                  <a:pt x="141" y="78"/>
                  <a:pt x="137" y="78"/>
                </a:cubicBezTo>
                <a:cubicBezTo>
                  <a:pt x="78" y="78"/>
                  <a:pt x="78" y="78"/>
                  <a:pt x="78" y="78"/>
                </a:cubicBezTo>
                <a:cubicBezTo>
                  <a:pt x="76" y="78"/>
                  <a:pt x="74" y="79"/>
                  <a:pt x="73" y="80"/>
                </a:cubicBezTo>
                <a:cubicBezTo>
                  <a:pt x="71" y="82"/>
                  <a:pt x="70" y="84"/>
                  <a:pt x="70" y="86"/>
                </a:cubicBezTo>
                <a:cubicBezTo>
                  <a:pt x="70" y="145"/>
                  <a:pt x="70" y="145"/>
                  <a:pt x="70" y="145"/>
                </a:cubicBezTo>
                <a:cubicBezTo>
                  <a:pt x="70" y="149"/>
                  <a:pt x="74" y="153"/>
                  <a:pt x="78" y="153"/>
                </a:cubicBezTo>
                <a:cubicBezTo>
                  <a:pt x="83" y="153"/>
                  <a:pt x="86" y="149"/>
                  <a:pt x="86" y="145"/>
                </a:cubicBezTo>
                <a:cubicBezTo>
                  <a:pt x="86" y="105"/>
                  <a:pt x="86" y="105"/>
                  <a:pt x="86" y="105"/>
                </a:cubicBezTo>
                <a:cubicBezTo>
                  <a:pt x="187" y="206"/>
                  <a:pt x="187" y="206"/>
                  <a:pt x="187" y="206"/>
                </a:cubicBezTo>
                <a:cubicBezTo>
                  <a:pt x="86" y="307"/>
                  <a:pt x="86" y="307"/>
                  <a:pt x="86" y="307"/>
                </a:cubicBezTo>
                <a:cubicBezTo>
                  <a:pt x="86" y="268"/>
                  <a:pt x="86" y="268"/>
                  <a:pt x="86" y="268"/>
                </a:cubicBezTo>
                <a:cubicBezTo>
                  <a:pt x="86" y="263"/>
                  <a:pt x="83" y="260"/>
                  <a:pt x="78" y="260"/>
                </a:cubicBezTo>
                <a:cubicBezTo>
                  <a:pt x="74" y="260"/>
                  <a:pt x="70" y="263"/>
                  <a:pt x="70" y="268"/>
                </a:cubicBezTo>
                <a:cubicBezTo>
                  <a:pt x="70" y="268"/>
                  <a:pt x="70" y="268"/>
                  <a:pt x="70" y="268"/>
                </a:cubicBezTo>
                <a:cubicBezTo>
                  <a:pt x="70" y="327"/>
                  <a:pt x="70" y="327"/>
                  <a:pt x="70" y="327"/>
                </a:cubicBezTo>
                <a:cubicBezTo>
                  <a:pt x="70" y="329"/>
                  <a:pt x="71" y="331"/>
                  <a:pt x="73" y="332"/>
                </a:cubicBezTo>
                <a:cubicBezTo>
                  <a:pt x="74" y="334"/>
                  <a:pt x="76" y="335"/>
                  <a:pt x="78" y="335"/>
                </a:cubicBezTo>
                <a:cubicBezTo>
                  <a:pt x="137" y="335"/>
                  <a:pt x="137" y="335"/>
                  <a:pt x="137" y="335"/>
                </a:cubicBezTo>
                <a:cubicBezTo>
                  <a:pt x="141" y="335"/>
                  <a:pt x="145" y="331"/>
                  <a:pt x="145" y="327"/>
                </a:cubicBezTo>
                <a:cubicBezTo>
                  <a:pt x="145" y="322"/>
                  <a:pt x="141" y="319"/>
                  <a:pt x="137" y="319"/>
                </a:cubicBezTo>
                <a:cubicBezTo>
                  <a:pt x="97" y="319"/>
                  <a:pt x="97" y="319"/>
                  <a:pt x="97" y="319"/>
                </a:cubicBezTo>
                <a:cubicBezTo>
                  <a:pt x="198" y="218"/>
                  <a:pt x="198" y="218"/>
                  <a:pt x="198" y="218"/>
                </a:cubicBezTo>
                <a:cubicBezTo>
                  <a:pt x="299" y="319"/>
                  <a:pt x="299" y="319"/>
                  <a:pt x="299" y="319"/>
                </a:cubicBezTo>
                <a:cubicBezTo>
                  <a:pt x="260" y="319"/>
                  <a:pt x="260" y="319"/>
                  <a:pt x="260" y="319"/>
                </a:cubicBezTo>
                <a:cubicBezTo>
                  <a:pt x="255" y="319"/>
                  <a:pt x="252" y="322"/>
                  <a:pt x="252" y="327"/>
                </a:cubicBezTo>
                <a:cubicBezTo>
                  <a:pt x="252" y="331"/>
                  <a:pt x="255" y="335"/>
                  <a:pt x="260" y="335"/>
                </a:cubicBezTo>
                <a:cubicBezTo>
                  <a:pt x="260" y="335"/>
                  <a:pt x="260" y="335"/>
                  <a:pt x="260" y="335"/>
                </a:cubicBezTo>
                <a:cubicBezTo>
                  <a:pt x="319" y="335"/>
                  <a:pt x="319" y="335"/>
                  <a:pt x="319" y="335"/>
                </a:cubicBezTo>
                <a:cubicBezTo>
                  <a:pt x="321" y="335"/>
                  <a:pt x="323" y="334"/>
                  <a:pt x="324" y="332"/>
                </a:cubicBezTo>
                <a:cubicBezTo>
                  <a:pt x="326" y="331"/>
                  <a:pt x="327" y="329"/>
                  <a:pt x="327" y="327"/>
                </a:cubicBezTo>
                <a:cubicBezTo>
                  <a:pt x="327" y="268"/>
                  <a:pt x="327" y="268"/>
                  <a:pt x="327" y="268"/>
                </a:cubicBezTo>
                <a:cubicBezTo>
                  <a:pt x="327" y="263"/>
                  <a:pt x="323" y="260"/>
                  <a:pt x="319" y="260"/>
                </a:cubicBezTo>
                <a:cubicBezTo>
                  <a:pt x="314" y="260"/>
                  <a:pt x="311" y="263"/>
                  <a:pt x="311" y="268"/>
                </a:cubicBezTo>
                <a:cubicBezTo>
                  <a:pt x="311" y="307"/>
                  <a:pt x="311" y="307"/>
                  <a:pt x="311" y="307"/>
                </a:cubicBezTo>
                <a:cubicBezTo>
                  <a:pt x="210" y="206"/>
                  <a:pt x="210" y="206"/>
                  <a:pt x="210" y="206"/>
                </a:cubicBezTo>
                <a:cubicBezTo>
                  <a:pt x="311" y="105"/>
                  <a:pt x="311" y="105"/>
                  <a:pt x="311" y="105"/>
                </a:cubicBezTo>
                <a:cubicBezTo>
                  <a:pt x="311" y="145"/>
                  <a:pt x="311" y="145"/>
                  <a:pt x="311" y="145"/>
                </a:cubicBezTo>
                <a:cubicBezTo>
                  <a:pt x="311" y="149"/>
                  <a:pt x="314" y="153"/>
                  <a:pt x="319" y="153"/>
                </a:cubicBezTo>
                <a:close/>
              </a:path>
            </a:pathLst>
          </a:custGeom>
          <a:solidFill>
            <a:srgbClr val="00285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anchor="ctr"/>
          <a:lstStyle>
            <a:defPPr>
              <a:defRPr lang="en-US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endParaRPr lang="en-US" sz="800" dirty="0"/>
          </a:p>
        </p:txBody>
      </p:sp>
      <p:sp>
        <p:nvSpPr>
          <p:cNvPr id="55" name="Text Box 5">
            <a:extLst>
              <a:ext uri="{FF2B5EF4-FFF2-40B4-BE49-F238E27FC236}">
                <a16:creationId xmlns:a16="http://schemas.microsoft.com/office/drawing/2014/main" id="{E2035BA1-3114-4D08-9F2A-A599C0955BE2}"/>
              </a:ext>
            </a:extLst>
          </p:cNvPr>
          <p:cNvSpPr txBox="1">
            <a:spLocks noChangeAspect="1" noChangeArrowheads="1"/>
          </p:cNvSpPr>
          <p:nvPr/>
        </p:nvSpPr>
        <p:spPr bwMode="auto">
          <a:xfrm>
            <a:off x="5370272" y="2733869"/>
            <a:ext cx="567718" cy="9848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12700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ctr">
            <a:spAutoFit/>
          </a:bodyPr>
          <a:lstStyle>
            <a:defPPr>
              <a:defRPr lang="en-US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20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algn="ctr" eaLnBrk="1" hangingPunct="1">
              <a:lnSpc>
                <a:spcPct val="80000"/>
              </a:lnSpc>
              <a:spcBef>
                <a:spcPct val="0"/>
              </a:spcBef>
              <a:buClrTx/>
              <a:buFontTx/>
              <a:buNone/>
            </a:pPr>
            <a:r>
              <a:rPr lang="en-US" altLang="en-US" sz="800" dirty="0">
                <a:solidFill>
                  <a:srgbClr val="00285F"/>
                </a:solidFill>
                <a:ea typeface="MS PGothic" panose="020B0600070205080204" pitchFamily="34" charset="-128"/>
              </a:rPr>
              <a:t>Router</a:t>
            </a:r>
          </a:p>
        </p:txBody>
      </p:sp>
    </p:spTree>
    <p:extLst>
      <p:ext uri="{BB962C8B-B14F-4D97-AF65-F5344CB8AC3E}">
        <p14:creationId xmlns:p14="http://schemas.microsoft.com/office/powerpoint/2010/main" val="146137994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2B26C5F5-0DA9-49ED-AB74-B32DD168B8C2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6640693" y="1525013"/>
            <a:ext cx="2391642" cy="230990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16913D3-ED79-43B1-A5DC-076EA9DE7196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88006" y="1520546"/>
            <a:ext cx="2266086" cy="2353944"/>
          </a:xfrm>
          <a:prstGeom prst="rect">
            <a:avLst/>
          </a:prstGeom>
        </p:spPr>
      </p:pic>
      <p:sp>
        <p:nvSpPr>
          <p:cNvPr id="20" name="Text Box 4">
            <a:extLst>
              <a:ext uri="{FF2B5EF4-FFF2-40B4-BE49-F238E27FC236}">
                <a16:creationId xmlns:a16="http://schemas.microsoft.com/office/drawing/2014/main" id="{F96D0309-CECD-430D-B83E-B7E97B708A9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388716" y="1985826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21" name="Text Box 4">
            <a:extLst>
              <a:ext uri="{FF2B5EF4-FFF2-40B4-BE49-F238E27FC236}">
                <a16:creationId xmlns:a16="http://schemas.microsoft.com/office/drawing/2014/main" id="{7553BDBA-5CB7-4ABE-8968-DBAC611FE32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057966" y="3377198"/>
            <a:ext cx="1506822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22" name="Text Box 4">
            <a:extLst>
              <a:ext uri="{FF2B5EF4-FFF2-40B4-BE49-F238E27FC236}">
                <a16:creationId xmlns:a16="http://schemas.microsoft.com/office/drawing/2014/main" id="{6FF998C5-5D92-45AB-8D6F-44671385458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939333" y="1308963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23" name="Text Box 4">
            <a:extLst>
              <a:ext uri="{FF2B5EF4-FFF2-40B4-BE49-F238E27FC236}">
                <a16:creationId xmlns:a16="http://schemas.microsoft.com/office/drawing/2014/main" id="{81A23D04-4E24-466E-9BBB-65BB8C568072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054898" y="1330078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24" name="Freeform 8">
            <a:extLst>
              <a:ext uri="{FF2B5EF4-FFF2-40B4-BE49-F238E27FC236}">
                <a16:creationId xmlns:a16="http://schemas.microsoft.com/office/drawing/2014/main" id="{C48F094A-00C0-4656-8FB5-B8A7A6D71EA7}"/>
              </a:ext>
            </a:extLst>
          </p:cNvPr>
          <p:cNvSpPr>
            <a:spLocks/>
          </p:cNvSpPr>
          <p:nvPr/>
        </p:nvSpPr>
        <p:spPr bwMode="auto">
          <a:xfrm rot="3777015">
            <a:off x="9288656" y="1231081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25" name="Freeform 8">
            <a:extLst>
              <a:ext uri="{FF2B5EF4-FFF2-40B4-BE49-F238E27FC236}">
                <a16:creationId xmlns:a16="http://schemas.microsoft.com/office/drawing/2014/main" id="{633A6684-0CBE-42D4-A9B1-CB0B18F7257D}"/>
              </a:ext>
            </a:extLst>
          </p:cNvPr>
          <p:cNvSpPr>
            <a:spLocks/>
          </p:cNvSpPr>
          <p:nvPr/>
        </p:nvSpPr>
        <p:spPr bwMode="auto">
          <a:xfrm rot="3878363">
            <a:off x="9536410" y="1617031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26" name="Text Box 16">
            <a:extLst>
              <a:ext uri="{FF2B5EF4-FFF2-40B4-BE49-F238E27FC236}">
                <a16:creationId xmlns:a16="http://schemas.microsoft.com/office/drawing/2014/main" id="{642145BD-9F76-4208-8569-5DB4848F5AC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499291" y="2306532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62.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112MHz</a:t>
            </a:r>
          </a:p>
        </p:txBody>
      </p:sp>
      <p:sp>
        <p:nvSpPr>
          <p:cNvPr id="27" name="Text Box 16">
            <a:extLst>
              <a:ext uri="{FF2B5EF4-FFF2-40B4-BE49-F238E27FC236}">
                <a16:creationId xmlns:a16="http://schemas.microsoft.com/office/drawing/2014/main" id="{C776C691-4E43-4C6F-BE6F-FF26EA18B79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827100" y="3105836"/>
            <a:ext cx="1768898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Ethernetové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rámce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směrovány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mezi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obě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rádia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</a:p>
        </p:txBody>
      </p:sp>
      <p:sp>
        <p:nvSpPr>
          <p:cNvPr id="30" name="Title 3">
            <a:extLst>
              <a:ext uri="{FF2B5EF4-FFF2-40B4-BE49-F238E27FC236}">
                <a16:creationId xmlns:a16="http://schemas.microsoft.com/office/drawing/2014/main" id="{F2A81F04-381B-4D69-B833-3AF3F786143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9712" y="497742"/>
            <a:ext cx="11712575" cy="3457575"/>
          </a:xfrm>
        </p:spPr>
        <p:txBody>
          <a:bodyPr/>
          <a:lstStyle/>
          <a:p>
            <a:r>
              <a:rPr lang="en-US" sz="4000" dirty="0">
                <a:solidFill>
                  <a:schemeClr val="tx1"/>
                </a:solidFill>
              </a:rPr>
              <a:t>MINI-LINK 6651/4</a:t>
            </a:r>
            <a:r>
              <a:rPr lang="en-US" sz="4000" dirty="0"/>
              <a:t> –</a:t>
            </a:r>
            <a:r>
              <a:rPr lang="en-US" sz="4000" dirty="0">
                <a:solidFill>
                  <a:schemeClr val="tx1"/>
                </a:solidFill>
              </a:rPr>
              <a:t> multiband booster </a:t>
            </a:r>
            <a:r>
              <a:rPr lang="en-US" sz="4000" dirty="0"/>
              <a:t>do </a:t>
            </a:r>
            <a:r>
              <a:rPr lang="en-US" sz="4000" dirty="0" err="1"/>
              <a:t>dvou</a:t>
            </a:r>
            <a:r>
              <a:rPr lang="en-US" sz="4000" dirty="0"/>
              <a:t> </a:t>
            </a:r>
            <a:r>
              <a:rPr lang="en-US" sz="4000" dirty="0" err="1"/>
              <a:t>směrů</a:t>
            </a:r>
            <a:endParaRPr lang="en-US" sz="4000" dirty="0">
              <a:solidFill>
                <a:schemeClr val="tx1"/>
              </a:solidFill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75562137-AC20-4FFE-AEC3-A357B825B43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369455" y="3917146"/>
            <a:ext cx="827646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 GBE</a:t>
            </a:r>
          </a:p>
        </p:txBody>
      </p:sp>
      <p:sp>
        <p:nvSpPr>
          <p:cNvPr id="35" name="Text Box 4">
            <a:extLst>
              <a:ext uri="{FF2B5EF4-FFF2-40B4-BE49-F238E27FC236}">
                <a16:creationId xmlns:a16="http://schemas.microsoft.com/office/drawing/2014/main" id="{D9E35CCD-B4E8-4B2A-9147-C0E4671681D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177673" y="3207677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43" name="Text Box 4">
            <a:extLst>
              <a:ext uri="{FF2B5EF4-FFF2-40B4-BE49-F238E27FC236}">
                <a16:creationId xmlns:a16="http://schemas.microsoft.com/office/drawing/2014/main" id="{967C752D-FBC2-4432-8F5C-318FF3A71BF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971503" y="4422754"/>
            <a:ext cx="96758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/10 GBE</a:t>
            </a:r>
          </a:p>
        </p:txBody>
      </p:sp>
      <p:sp>
        <p:nvSpPr>
          <p:cNvPr id="44" name="Text Box 4">
            <a:extLst>
              <a:ext uri="{FF2B5EF4-FFF2-40B4-BE49-F238E27FC236}">
                <a16:creationId xmlns:a16="http://schemas.microsoft.com/office/drawing/2014/main" id="{2A20A176-AC22-4398-AF03-691065B0376B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479952" y="4041965"/>
            <a:ext cx="1102968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00BaseT</a:t>
            </a:r>
          </a:p>
        </p:txBody>
      </p:sp>
      <p:sp>
        <p:nvSpPr>
          <p:cNvPr id="45" name="Text Box 4">
            <a:extLst>
              <a:ext uri="{FF2B5EF4-FFF2-40B4-BE49-F238E27FC236}">
                <a16:creationId xmlns:a16="http://schemas.microsoft.com/office/drawing/2014/main" id="{7F33ADB6-8661-4601-8CCE-0AE31DA35E8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577667" y="1957935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46" name="Freeform 8">
            <a:extLst>
              <a:ext uri="{FF2B5EF4-FFF2-40B4-BE49-F238E27FC236}">
                <a16:creationId xmlns:a16="http://schemas.microsoft.com/office/drawing/2014/main" id="{0DD75498-EC5C-47DF-949C-2BDA615859BD}"/>
              </a:ext>
            </a:extLst>
          </p:cNvPr>
          <p:cNvSpPr>
            <a:spLocks/>
          </p:cNvSpPr>
          <p:nvPr/>
        </p:nvSpPr>
        <p:spPr bwMode="auto">
          <a:xfrm rot="17294629">
            <a:off x="1891381" y="1202757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7" name="Freeform 8">
            <a:extLst>
              <a:ext uri="{FF2B5EF4-FFF2-40B4-BE49-F238E27FC236}">
                <a16:creationId xmlns:a16="http://schemas.microsoft.com/office/drawing/2014/main" id="{CB1F600D-5506-4A07-891D-124554BDDEB1}"/>
              </a:ext>
            </a:extLst>
          </p:cNvPr>
          <p:cNvSpPr>
            <a:spLocks/>
          </p:cNvSpPr>
          <p:nvPr/>
        </p:nvSpPr>
        <p:spPr bwMode="auto">
          <a:xfrm rot="17395977">
            <a:off x="1644602" y="1626454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8" name="Text Box 4">
            <a:extLst>
              <a:ext uri="{FF2B5EF4-FFF2-40B4-BE49-F238E27FC236}">
                <a16:creationId xmlns:a16="http://schemas.microsoft.com/office/drawing/2014/main" id="{C84DFF55-CB4E-44F7-BD10-DE2A8203DA7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210183" y="3338808"/>
            <a:ext cx="1506822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50" name="Text Box 16">
            <a:extLst>
              <a:ext uri="{FF2B5EF4-FFF2-40B4-BE49-F238E27FC236}">
                <a16:creationId xmlns:a16="http://schemas.microsoft.com/office/drawing/2014/main" id="{4F3B0E34-CA30-4C29-A690-05B36E5CE56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-30728" y="2534938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62.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112MHz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84BAC85E-5986-490C-87E1-E9A8A12E73EE}"/>
              </a:ext>
            </a:extLst>
          </p:cNvPr>
          <p:cNvSpPr txBox="1"/>
          <p:nvPr/>
        </p:nvSpPr>
        <p:spPr>
          <a:xfrm>
            <a:off x="5316772" y="5269197"/>
            <a:ext cx="6815643" cy="154298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400" dirty="0"/>
              <a:t>MINI-LINK 6651/4 – </a:t>
            </a:r>
            <a:r>
              <a:rPr lang="en-US" sz="1400" dirty="0" err="1"/>
              <a:t>jednotka</a:t>
            </a:r>
            <a:r>
              <a:rPr lang="en-US" sz="1400" dirty="0"/>
              <a:t> pro </a:t>
            </a:r>
            <a:r>
              <a:rPr lang="en-US" sz="1400" dirty="0" err="1"/>
              <a:t>vnitřní</a:t>
            </a:r>
            <a:r>
              <a:rPr lang="en-US" sz="1400" dirty="0"/>
              <a:t> </a:t>
            </a:r>
            <a:r>
              <a:rPr lang="en-US" sz="1400" dirty="0" err="1"/>
              <a:t>instalaci</a:t>
            </a:r>
            <a:endParaRPr lang="en-US" sz="1400" dirty="0"/>
          </a:p>
          <a:p>
            <a:r>
              <a:rPr lang="en-US" sz="1400" dirty="0"/>
              <a:t>Multiband </a:t>
            </a:r>
            <a:r>
              <a:rPr lang="en-US" sz="1400" dirty="0" err="1"/>
              <a:t>konfigurace</a:t>
            </a:r>
            <a:r>
              <a:rPr lang="en-US" sz="1400" dirty="0"/>
              <a:t> do </a:t>
            </a:r>
            <a:r>
              <a:rPr lang="en-US" sz="1400" dirty="0" err="1"/>
              <a:t>dvou</a:t>
            </a:r>
            <a:r>
              <a:rPr lang="en-US" sz="1400" dirty="0"/>
              <a:t> </a:t>
            </a:r>
            <a:r>
              <a:rPr lang="en-US" sz="1400" dirty="0" err="1"/>
              <a:t>směrů</a:t>
            </a:r>
            <a:r>
              <a:rPr lang="en-US" sz="1400" dirty="0"/>
              <a:t> – pro </a:t>
            </a:r>
            <a:r>
              <a:rPr lang="en-US" sz="1400" dirty="0" err="1"/>
              <a:t>agregační</a:t>
            </a:r>
            <a:r>
              <a:rPr lang="en-US" sz="1400" dirty="0"/>
              <a:t> </a:t>
            </a:r>
            <a:r>
              <a:rPr lang="en-US" sz="1400" dirty="0" err="1"/>
              <a:t>uzel</a:t>
            </a:r>
            <a:r>
              <a:rPr lang="en-US" sz="1400" dirty="0"/>
              <a:t>, </a:t>
            </a:r>
            <a:r>
              <a:rPr lang="en-US" sz="1400" dirty="0" err="1"/>
              <a:t>nebo</a:t>
            </a:r>
            <a:r>
              <a:rPr lang="en-US" sz="1400" dirty="0"/>
              <a:t> </a:t>
            </a:r>
            <a:r>
              <a:rPr lang="en-US" sz="1400" dirty="0" err="1"/>
              <a:t>opakovač</a:t>
            </a:r>
            <a:r>
              <a:rPr lang="en-US" sz="1400" dirty="0"/>
              <a:t> s </a:t>
            </a:r>
            <a:r>
              <a:rPr lang="en-US" sz="1400" dirty="0" err="1"/>
              <a:t>lokálním</a:t>
            </a:r>
            <a:r>
              <a:rPr lang="en-US" sz="1400" dirty="0"/>
              <a:t> </a:t>
            </a:r>
            <a:r>
              <a:rPr lang="en-US" sz="1400" dirty="0" err="1"/>
              <a:t>příspěvkem</a:t>
            </a:r>
            <a:endParaRPr lang="en-US" sz="1400" dirty="0"/>
          </a:p>
          <a:p>
            <a:r>
              <a:rPr lang="en-US" sz="1400" dirty="0" err="1"/>
              <a:t>Sdružení</a:t>
            </a:r>
            <a:r>
              <a:rPr lang="en-US" sz="1400" dirty="0"/>
              <a:t> </a:t>
            </a:r>
            <a:r>
              <a:rPr lang="en-US" sz="1400" dirty="0" err="1"/>
              <a:t>provozu</a:t>
            </a:r>
            <a:r>
              <a:rPr lang="en-US" sz="1400" dirty="0"/>
              <a:t> </a:t>
            </a:r>
            <a:r>
              <a:rPr lang="en-US" sz="1400" dirty="0" err="1"/>
              <a:t>mezi</a:t>
            </a:r>
            <a:r>
              <a:rPr lang="en-US" sz="1400" dirty="0"/>
              <a:t> </a:t>
            </a:r>
            <a:r>
              <a:rPr lang="en-US" sz="1400" dirty="0" err="1"/>
              <a:t>standardním</a:t>
            </a:r>
            <a:r>
              <a:rPr lang="en-US" sz="1400" dirty="0"/>
              <a:t> </a:t>
            </a:r>
            <a:r>
              <a:rPr lang="en-US" sz="1400" dirty="0" err="1"/>
              <a:t>pásmem</a:t>
            </a:r>
            <a:r>
              <a:rPr lang="en-US" sz="1400" dirty="0"/>
              <a:t> a E </a:t>
            </a:r>
            <a:r>
              <a:rPr lang="en-US" sz="1400" dirty="0" err="1"/>
              <a:t>pásmem</a:t>
            </a:r>
            <a:r>
              <a:rPr lang="en-US" sz="1400" dirty="0"/>
              <a:t> </a:t>
            </a:r>
            <a:r>
              <a:rPr lang="en-US" sz="1400" dirty="0" err="1"/>
              <a:t>na</a:t>
            </a:r>
            <a:r>
              <a:rPr lang="en-US" sz="1400" dirty="0"/>
              <a:t> </a:t>
            </a:r>
            <a:r>
              <a:rPr lang="en-US" sz="1400" dirty="0" err="1"/>
              <a:t>první</a:t>
            </a:r>
            <a:r>
              <a:rPr lang="en-US" sz="1400" dirty="0"/>
              <a:t> </a:t>
            </a:r>
            <a:r>
              <a:rPr lang="en-US" sz="1400" dirty="0" err="1"/>
              <a:t>vrstvě</a:t>
            </a:r>
            <a:r>
              <a:rPr lang="en-US" sz="1400" dirty="0"/>
              <a:t> </a:t>
            </a:r>
            <a:r>
              <a:rPr lang="en-US" sz="1400" dirty="0" err="1"/>
              <a:t>pomocí</a:t>
            </a:r>
            <a:r>
              <a:rPr lang="en-US" sz="1400" dirty="0"/>
              <a:t> </a:t>
            </a:r>
            <a:r>
              <a:rPr lang="en-US" sz="1400" dirty="0" err="1"/>
              <a:t>hRLB</a:t>
            </a:r>
            <a:endParaRPr lang="en-US" sz="1400" dirty="0"/>
          </a:p>
          <a:p>
            <a:r>
              <a:rPr lang="en-US" sz="1400" dirty="0" err="1"/>
              <a:t>Kapacita</a:t>
            </a:r>
            <a:r>
              <a:rPr lang="en-US" sz="1400" dirty="0"/>
              <a:t> </a:t>
            </a:r>
            <a:r>
              <a:rPr lang="en-US" sz="1400" dirty="0" err="1"/>
              <a:t>až</a:t>
            </a:r>
            <a:r>
              <a:rPr lang="en-US" sz="1400" dirty="0"/>
              <a:t> 10GBit/s</a:t>
            </a:r>
          </a:p>
          <a:p>
            <a:r>
              <a:rPr lang="en-US" sz="1400" dirty="0" err="1"/>
              <a:t>Funkce</a:t>
            </a:r>
            <a:r>
              <a:rPr lang="en-US" sz="1400" dirty="0"/>
              <a:t> L2 </a:t>
            </a:r>
            <a:r>
              <a:rPr lang="en-US" sz="1400" dirty="0" err="1"/>
              <a:t>přepínače</a:t>
            </a:r>
            <a:r>
              <a:rPr lang="en-US" sz="1400" dirty="0"/>
              <a:t> i L3 </a:t>
            </a:r>
            <a:r>
              <a:rPr lang="en-US" sz="1400" dirty="0" err="1"/>
              <a:t>směrovače</a:t>
            </a:r>
            <a:endParaRPr lang="en-US" sz="1400" dirty="0"/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DC80FD51-1A6C-4410-A9F9-D5554B9B8E58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963594" y="4618074"/>
            <a:ext cx="4747990" cy="573025"/>
          </a:xfrm>
          <a:prstGeom prst="rect">
            <a:avLst/>
          </a:prstGeom>
        </p:spPr>
      </p:pic>
      <p:sp>
        <p:nvSpPr>
          <p:cNvPr id="4" name="Freeform: Shape 3">
            <a:extLst>
              <a:ext uri="{FF2B5EF4-FFF2-40B4-BE49-F238E27FC236}">
                <a16:creationId xmlns:a16="http://schemas.microsoft.com/office/drawing/2014/main" id="{45A96433-4BA3-417E-940E-B8158A1DF977}"/>
              </a:ext>
            </a:extLst>
          </p:cNvPr>
          <p:cNvSpPr/>
          <p:nvPr/>
        </p:nvSpPr>
        <p:spPr bwMode="auto">
          <a:xfrm>
            <a:off x="5455577" y="3276600"/>
            <a:ext cx="2185302" cy="1609725"/>
          </a:xfrm>
          <a:custGeom>
            <a:avLst/>
            <a:gdLst>
              <a:gd name="connsiteX0" fmla="*/ 2173948 w 2185302"/>
              <a:gd name="connsiteY0" fmla="*/ 0 h 1609725"/>
              <a:gd name="connsiteX1" fmla="*/ 2126323 w 2185302"/>
              <a:gd name="connsiteY1" fmla="*/ 371475 h 1609725"/>
              <a:gd name="connsiteX2" fmla="*/ 1716748 w 2185302"/>
              <a:gd name="connsiteY2" fmla="*/ 838200 h 1609725"/>
              <a:gd name="connsiteX3" fmla="*/ 592798 w 2185302"/>
              <a:gd name="connsiteY3" fmla="*/ 1047750 h 1609725"/>
              <a:gd name="connsiteX4" fmla="*/ 68923 w 2185302"/>
              <a:gd name="connsiteY4" fmla="*/ 1181100 h 1609725"/>
              <a:gd name="connsiteX5" fmla="*/ 21298 w 2185302"/>
              <a:gd name="connsiteY5" fmla="*/ 1609725 h 16097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185302" h="1609725">
                <a:moveTo>
                  <a:pt x="2173948" y="0"/>
                </a:moveTo>
                <a:cubicBezTo>
                  <a:pt x="2188235" y="115887"/>
                  <a:pt x="2202523" y="231775"/>
                  <a:pt x="2126323" y="371475"/>
                </a:cubicBezTo>
                <a:cubicBezTo>
                  <a:pt x="2050123" y="511175"/>
                  <a:pt x="1972336" y="725487"/>
                  <a:pt x="1716748" y="838200"/>
                </a:cubicBezTo>
                <a:cubicBezTo>
                  <a:pt x="1461160" y="950913"/>
                  <a:pt x="867435" y="990600"/>
                  <a:pt x="592798" y="1047750"/>
                </a:cubicBezTo>
                <a:cubicBezTo>
                  <a:pt x="318161" y="1104900"/>
                  <a:pt x="164173" y="1087438"/>
                  <a:pt x="68923" y="1181100"/>
                </a:cubicBezTo>
                <a:cubicBezTo>
                  <a:pt x="-26327" y="1274762"/>
                  <a:pt x="-2515" y="1442243"/>
                  <a:pt x="21298" y="160972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6DF99186-8721-4D12-BD9C-7E4230C1DCF3}"/>
              </a:ext>
            </a:extLst>
          </p:cNvPr>
          <p:cNvSpPr/>
          <p:nvPr/>
        </p:nvSpPr>
        <p:spPr bwMode="auto">
          <a:xfrm>
            <a:off x="6810375" y="3143250"/>
            <a:ext cx="342900" cy="1733550"/>
          </a:xfrm>
          <a:custGeom>
            <a:avLst/>
            <a:gdLst>
              <a:gd name="connsiteX0" fmla="*/ 342900 w 342900"/>
              <a:gd name="connsiteY0" fmla="*/ 0 h 1733550"/>
              <a:gd name="connsiteX1" fmla="*/ 171450 w 342900"/>
              <a:gd name="connsiteY1" fmla="*/ 638175 h 1733550"/>
              <a:gd name="connsiteX2" fmla="*/ 314325 w 342900"/>
              <a:gd name="connsiteY2" fmla="*/ 1143000 h 1733550"/>
              <a:gd name="connsiteX3" fmla="*/ 0 w 342900"/>
              <a:gd name="connsiteY3" fmla="*/ 1733550 h 17335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42900" h="1733550">
                <a:moveTo>
                  <a:pt x="342900" y="0"/>
                </a:moveTo>
                <a:cubicBezTo>
                  <a:pt x="259556" y="223837"/>
                  <a:pt x="176212" y="447675"/>
                  <a:pt x="171450" y="638175"/>
                </a:cubicBezTo>
                <a:cubicBezTo>
                  <a:pt x="166688" y="828675"/>
                  <a:pt x="342900" y="960438"/>
                  <a:pt x="314325" y="1143000"/>
                </a:cubicBezTo>
                <a:cubicBezTo>
                  <a:pt x="285750" y="1325562"/>
                  <a:pt x="12700" y="1616075"/>
                  <a:pt x="0" y="173355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BC3F3343-EA43-460A-ABC0-47CF8500CC26}"/>
              </a:ext>
            </a:extLst>
          </p:cNvPr>
          <p:cNvSpPr/>
          <p:nvPr/>
        </p:nvSpPr>
        <p:spPr bwMode="auto">
          <a:xfrm>
            <a:off x="4075607" y="3209925"/>
            <a:ext cx="2447864" cy="1676400"/>
          </a:xfrm>
          <a:custGeom>
            <a:avLst/>
            <a:gdLst>
              <a:gd name="connsiteX0" fmla="*/ 10618 w 2447864"/>
              <a:gd name="connsiteY0" fmla="*/ 0 h 1676400"/>
              <a:gd name="connsiteX1" fmla="*/ 124918 w 2447864"/>
              <a:gd name="connsiteY1" fmla="*/ 552450 h 1676400"/>
              <a:gd name="connsiteX2" fmla="*/ 896443 w 2447864"/>
              <a:gd name="connsiteY2" fmla="*/ 971550 h 1676400"/>
              <a:gd name="connsiteX3" fmla="*/ 2315668 w 2447864"/>
              <a:gd name="connsiteY3" fmla="*/ 1181100 h 1676400"/>
              <a:gd name="connsiteX4" fmla="*/ 2401393 w 2447864"/>
              <a:gd name="connsiteY4" fmla="*/ 1676400 h 1676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47864" h="1676400">
                <a:moveTo>
                  <a:pt x="10618" y="0"/>
                </a:moveTo>
                <a:cubicBezTo>
                  <a:pt x="-6051" y="195262"/>
                  <a:pt x="-22719" y="390525"/>
                  <a:pt x="124918" y="552450"/>
                </a:cubicBezTo>
                <a:cubicBezTo>
                  <a:pt x="272555" y="714375"/>
                  <a:pt x="531318" y="866775"/>
                  <a:pt x="896443" y="971550"/>
                </a:cubicBezTo>
                <a:cubicBezTo>
                  <a:pt x="1261568" y="1076325"/>
                  <a:pt x="2064843" y="1063625"/>
                  <a:pt x="2315668" y="1181100"/>
                </a:cubicBezTo>
                <a:cubicBezTo>
                  <a:pt x="2566493" y="1298575"/>
                  <a:pt x="2379168" y="1582738"/>
                  <a:pt x="2401393" y="167640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00E0508C-E434-49AB-B46A-0DBD19511415}"/>
              </a:ext>
            </a:extLst>
          </p:cNvPr>
          <p:cNvSpPr/>
          <p:nvPr/>
        </p:nvSpPr>
        <p:spPr bwMode="auto">
          <a:xfrm>
            <a:off x="3762375" y="3371850"/>
            <a:ext cx="1266057" cy="1533525"/>
          </a:xfrm>
          <a:custGeom>
            <a:avLst/>
            <a:gdLst>
              <a:gd name="connsiteX0" fmla="*/ 0 w 1266057"/>
              <a:gd name="connsiteY0" fmla="*/ 0 h 1533525"/>
              <a:gd name="connsiteX1" fmla="*/ 295275 w 1266057"/>
              <a:gd name="connsiteY1" fmla="*/ 447675 h 1533525"/>
              <a:gd name="connsiteX2" fmla="*/ 942975 w 1266057"/>
              <a:gd name="connsiteY2" fmla="*/ 800100 h 1533525"/>
              <a:gd name="connsiteX3" fmla="*/ 1247775 w 1266057"/>
              <a:gd name="connsiteY3" fmla="*/ 1104900 h 1533525"/>
              <a:gd name="connsiteX4" fmla="*/ 1209675 w 1266057"/>
              <a:gd name="connsiteY4" fmla="*/ 1533525 h 15335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66057" h="1533525">
                <a:moveTo>
                  <a:pt x="0" y="0"/>
                </a:moveTo>
                <a:cubicBezTo>
                  <a:pt x="69056" y="157162"/>
                  <a:pt x="138113" y="314325"/>
                  <a:pt x="295275" y="447675"/>
                </a:cubicBezTo>
                <a:cubicBezTo>
                  <a:pt x="452437" y="581025"/>
                  <a:pt x="784225" y="690563"/>
                  <a:pt x="942975" y="800100"/>
                </a:cubicBezTo>
                <a:cubicBezTo>
                  <a:pt x="1101725" y="909637"/>
                  <a:pt x="1203325" y="982663"/>
                  <a:pt x="1247775" y="1104900"/>
                </a:cubicBezTo>
                <a:cubicBezTo>
                  <a:pt x="1292225" y="1227138"/>
                  <a:pt x="1246187" y="1466850"/>
                  <a:pt x="1209675" y="153352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110D2FA-42D8-4823-B7A8-8B2A9AE55E7B}"/>
              </a:ext>
            </a:extLst>
          </p:cNvPr>
          <p:cNvCxnSpPr>
            <a:cxnSpLocks/>
          </p:cNvCxnSpPr>
          <p:nvPr/>
        </p:nvCxnSpPr>
        <p:spPr bwMode="auto">
          <a:xfrm>
            <a:off x="5127527" y="4905375"/>
            <a:ext cx="0" cy="949103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D853AF4F-3548-46ED-8DF7-6FDF816BFD82}"/>
              </a:ext>
            </a:extLst>
          </p:cNvPr>
          <p:cNvCxnSpPr>
            <a:cxnSpLocks/>
          </p:cNvCxnSpPr>
          <p:nvPr/>
        </p:nvCxnSpPr>
        <p:spPr bwMode="auto">
          <a:xfrm>
            <a:off x="4544912" y="4905375"/>
            <a:ext cx="0" cy="632072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8" name="Text Box 4">
            <a:extLst>
              <a:ext uri="{FF2B5EF4-FFF2-40B4-BE49-F238E27FC236}">
                <a16:creationId xmlns:a16="http://schemas.microsoft.com/office/drawing/2014/main" id="{B248EE15-B079-4E9A-8193-F6951CC6062D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120333" y="5817112"/>
            <a:ext cx="1202763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/10 GBE</a:t>
            </a:r>
          </a:p>
        </p:txBody>
      </p:sp>
      <p:sp>
        <p:nvSpPr>
          <p:cNvPr id="59" name="Text Box 4">
            <a:extLst>
              <a:ext uri="{FF2B5EF4-FFF2-40B4-BE49-F238E27FC236}">
                <a16:creationId xmlns:a16="http://schemas.microsoft.com/office/drawing/2014/main" id="{4D2ED528-63FF-4E1E-AC91-944C516E580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222533" y="5283592"/>
            <a:ext cx="147945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000BaseT</a:t>
            </a:r>
          </a:p>
        </p:txBody>
      </p:sp>
    </p:spTree>
    <p:extLst>
      <p:ext uri="{BB962C8B-B14F-4D97-AF65-F5344CB8AC3E}">
        <p14:creationId xmlns:p14="http://schemas.microsoft.com/office/powerpoint/2010/main" val="136069662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916913D3-ED79-43B1-A5DC-076EA9DE7196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759986" y="2170673"/>
            <a:ext cx="2266086" cy="2353944"/>
          </a:xfrm>
          <a:prstGeom prst="rect">
            <a:avLst/>
          </a:prstGeom>
        </p:spPr>
      </p:pic>
      <p:sp>
        <p:nvSpPr>
          <p:cNvPr id="22" name="Text Box 4">
            <a:extLst>
              <a:ext uri="{FF2B5EF4-FFF2-40B4-BE49-F238E27FC236}">
                <a16:creationId xmlns:a16="http://schemas.microsoft.com/office/drawing/2014/main" id="{6FF998C5-5D92-45AB-8D6F-44671385458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411313" y="1959090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30" name="Title 3">
            <a:extLst>
              <a:ext uri="{FF2B5EF4-FFF2-40B4-BE49-F238E27FC236}">
                <a16:creationId xmlns:a16="http://schemas.microsoft.com/office/drawing/2014/main" id="{F2A81F04-381B-4D69-B833-3AF3F786143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9712" y="497742"/>
            <a:ext cx="11712575" cy="909923"/>
          </a:xfrm>
        </p:spPr>
        <p:txBody>
          <a:bodyPr/>
          <a:lstStyle/>
          <a:p>
            <a:r>
              <a:rPr lang="en-US" sz="4000" dirty="0">
                <a:solidFill>
                  <a:schemeClr val="tx1"/>
                </a:solidFill>
              </a:rPr>
              <a:t>MINI-LINK 6371 </a:t>
            </a:r>
            <a:r>
              <a:rPr lang="en-US" sz="4000" dirty="0"/>
              <a:t>&amp; </a:t>
            </a:r>
            <a:r>
              <a:rPr lang="en-US" sz="4000" dirty="0">
                <a:solidFill>
                  <a:schemeClr val="tx1"/>
                </a:solidFill>
              </a:rPr>
              <a:t>MINI-LINK 6651/4</a:t>
            </a:r>
            <a:r>
              <a:rPr lang="en-US" sz="4000" dirty="0"/>
              <a:t> –</a:t>
            </a:r>
            <a:r>
              <a:rPr lang="en-US" sz="4000" dirty="0">
                <a:solidFill>
                  <a:schemeClr val="tx1"/>
                </a:solidFill>
              </a:rPr>
              <a:t> multiband</a:t>
            </a:r>
            <a:br>
              <a:rPr lang="en-US" sz="4000" dirty="0"/>
            </a:br>
            <a:r>
              <a:rPr lang="cs-CZ" sz="4000" dirty="0"/>
              <a:t>standardní pásmo 224MHz</a:t>
            </a:r>
            <a:endParaRPr lang="cs-CZ" sz="4000" dirty="0">
              <a:solidFill>
                <a:schemeClr val="tx1"/>
              </a:solidFill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75562137-AC20-4FFE-AEC3-A357B825B43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841435" y="4567273"/>
            <a:ext cx="827646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 GBE</a:t>
            </a:r>
          </a:p>
        </p:txBody>
      </p:sp>
      <p:sp>
        <p:nvSpPr>
          <p:cNvPr id="35" name="Text Box 4">
            <a:extLst>
              <a:ext uri="{FF2B5EF4-FFF2-40B4-BE49-F238E27FC236}">
                <a16:creationId xmlns:a16="http://schemas.microsoft.com/office/drawing/2014/main" id="{D9E35CCD-B4E8-4B2A-9147-C0E4671681D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649653" y="3857804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43" name="Text Box 4">
            <a:extLst>
              <a:ext uri="{FF2B5EF4-FFF2-40B4-BE49-F238E27FC236}">
                <a16:creationId xmlns:a16="http://schemas.microsoft.com/office/drawing/2014/main" id="{967C752D-FBC2-4432-8F5C-318FF3A71BF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443483" y="5072881"/>
            <a:ext cx="96758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/10 GBE</a:t>
            </a:r>
          </a:p>
        </p:txBody>
      </p:sp>
      <p:sp>
        <p:nvSpPr>
          <p:cNvPr id="45" name="Text Box 4">
            <a:extLst>
              <a:ext uri="{FF2B5EF4-FFF2-40B4-BE49-F238E27FC236}">
                <a16:creationId xmlns:a16="http://schemas.microsoft.com/office/drawing/2014/main" id="{7F33ADB6-8661-4601-8CCE-0AE31DA35E8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049647" y="2608062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4 / 6365</a:t>
            </a:r>
          </a:p>
        </p:txBody>
      </p:sp>
      <p:sp>
        <p:nvSpPr>
          <p:cNvPr id="46" name="Freeform 8">
            <a:extLst>
              <a:ext uri="{FF2B5EF4-FFF2-40B4-BE49-F238E27FC236}">
                <a16:creationId xmlns:a16="http://schemas.microsoft.com/office/drawing/2014/main" id="{0DD75498-EC5C-47DF-949C-2BDA615859BD}"/>
              </a:ext>
            </a:extLst>
          </p:cNvPr>
          <p:cNvSpPr>
            <a:spLocks/>
          </p:cNvSpPr>
          <p:nvPr/>
        </p:nvSpPr>
        <p:spPr bwMode="auto">
          <a:xfrm rot="15799810">
            <a:off x="5463683" y="2315774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7" name="Freeform 8">
            <a:extLst>
              <a:ext uri="{FF2B5EF4-FFF2-40B4-BE49-F238E27FC236}">
                <a16:creationId xmlns:a16="http://schemas.microsoft.com/office/drawing/2014/main" id="{CB1F600D-5506-4A07-891D-124554BDDEB1}"/>
              </a:ext>
            </a:extLst>
          </p:cNvPr>
          <p:cNvSpPr>
            <a:spLocks/>
          </p:cNvSpPr>
          <p:nvPr/>
        </p:nvSpPr>
        <p:spPr bwMode="auto">
          <a:xfrm rot="15878829">
            <a:off x="5556155" y="2656610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8" name="Text Box 4">
            <a:extLst>
              <a:ext uri="{FF2B5EF4-FFF2-40B4-BE49-F238E27FC236}">
                <a16:creationId xmlns:a16="http://schemas.microsoft.com/office/drawing/2014/main" id="{C84DFF55-CB4E-44F7-BD10-DE2A8203DA7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682163" y="3988935"/>
            <a:ext cx="1265288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50" name="Text Box 16">
            <a:extLst>
              <a:ext uri="{FF2B5EF4-FFF2-40B4-BE49-F238E27FC236}">
                <a16:creationId xmlns:a16="http://schemas.microsoft.com/office/drawing/2014/main" id="{4F3B0E34-CA30-4C29-A690-05B36E5CE56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236867" y="3510841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62.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224MHz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DC80FD51-1A6C-4410-A9F9-D5554B9B8E5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35574" y="5268201"/>
            <a:ext cx="4747990" cy="573025"/>
          </a:xfrm>
          <a:prstGeom prst="rect">
            <a:avLst/>
          </a:prstGeom>
        </p:spPr>
      </p:pic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BC3F3343-EA43-460A-ABC0-47CF8500CC26}"/>
              </a:ext>
            </a:extLst>
          </p:cNvPr>
          <p:cNvSpPr/>
          <p:nvPr/>
        </p:nvSpPr>
        <p:spPr bwMode="auto">
          <a:xfrm>
            <a:off x="8547587" y="3860052"/>
            <a:ext cx="2447864" cy="1676400"/>
          </a:xfrm>
          <a:custGeom>
            <a:avLst/>
            <a:gdLst>
              <a:gd name="connsiteX0" fmla="*/ 10618 w 2447864"/>
              <a:gd name="connsiteY0" fmla="*/ 0 h 1676400"/>
              <a:gd name="connsiteX1" fmla="*/ 124918 w 2447864"/>
              <a:gd name="connsiteY1" fmla="*/ 552450 h 1676400"/>
              <a:gd name="connsiteX2" fmla="*/ 896443 w 2447864"/>
              <a:gd name="connsiteY2" fmla="*/ 971550 h 1676400"/>
              <a:gd name="connsiteX3" fmla="*/ 2315668 w 2447864"/>
              <a:gd name="connsiteY3" fmla="*/ 1181100 h 1676400"/>
              <a:gd name="connsiteX4" fmla="*/ 2401393 w 2447864"/>
              <a:gd name="connsiteY4" fmla="*/ 1676400 h 1676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47864" h="1676400">
                <a:moveTo>
                  <a:pt x="10618" y="0"/>
                </a:moveTo>
                <a:cubicBezTo>
                  <a:pt x="-6051" y="195262"/>
                  <a:pt x="-22719" y="390525"/>
                  <a:pt x="124918" y="552450"/>
                </a:cubicBezTo>
                <a:cubicBezTo>
                  <a:pt x="272555" y="714375"/>
                  <a:pt x="531318" y="866775"/>
                  <a:pt x="896443" y="971550"/>
                </a:cubicBezTo>
                <a:cubicBezTo>
                  <a:pt x="1261568" y="1076325"/>
                  <a:pt x="2064843" y="1063625"/>
                  <a:pt x="2315668" y="1181100"/>
                </a:cubicBezTo>
                <a:cubicBezTo>
                  <a:pt x="2566493" y="1298575"/>
                  <a:pt x="2379168" y="1582738"/>
                  <a:pt x="2401393" y="167640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00E0508C-E434-49AB-B46A-0DBD19511415}"/>
              </a:ext>
            </a:extLst>
          </p:cNvPr>
          <p:cNvSpPr/>
          <p:nvPr/>
        </p:nvSpPr>
        <p:spPr bwMode="auto">
          <a:xfrm>
            <a:off x="8234355" y="4021977"/>
            <a:ext cx="1266057" cy="1533525"/>
          </a:xfrm>
          <a:custGeom>
            <a:avLst/>
            <a:gdLst>
              <a:gd name="connsiteX0" fmla="*/ 0 w 1266057"/>
              <a:gd name="connsiteY0" fmla="*/ 0 h 1533525"/>
              <a:gd name="connsiteX1" fmla="*/ 295275 w 1266057"/>
              <a:gd name="connsiteY1" fmla="*/ 447675 h 1533525"/>
              <a:gd name="connsiteX2" fmla="*/ 942975 w 1266057"/>
              <a:gd name="connsiteY2" fmla="*/ 800100 h 1533525"/>
              <a:gd name="connsiteX3" fmla="*/ 1247775 w 1266057"/>
              <a:gd name="connsiteY3" fmla="*/ 1104900 h 1533525"/>
              <a:gd name="connsiteX4" fmla="*/ 1209675 w 1266057"/>
              <a:gd name="connsiteY4" fmla="*/ 1533525 h 15335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66057" h="1533525">
                <a:moveTo>
                  <a:pt x="0" y="0"/>
                </a:moveTo>
                <a:cubicBezTo>
                  <a:pt x="69056" y="157162"/>
                  <a:pt x="138113" y="314325"/>
                  <a:pt x="295275" y="447675"/>
                </a:cubicBezTo>
                <a:cubicBezTo>
                  <a:pt x="452437" y="581025"/>
                  <a:pt x="784225" y="690563"/>
                  <a:pt x="942975" y="800100"/>
                </a:cubicBezTo>
                <a:cubicBezTo>
                  <a:pt x="1101725" y="909637"/>
                  <a:pt x="1203325" y="982663"/>
                  <a:pt x="1247775" y="1104900"/>
                </a:cubicBezTo>
                <a:cubicBezTo>
                  <a:pt x="1292225" y="1227138"/>
                  <a:pt x="1246187" y="1466850"/>
                  <a:pt x="1209675" y="153352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110D2FA-42D8-4823-B7A8-8B2A9AE55E7B}"/>
              </a:ext>
            </a:extLst>
          </p:cNvPr>
          <p:cNvCxnSpPr>
            <a:cxnSpLocks/>
          </p:cNvCxnSpPr>
          <p:nvPr/>
        </p:nvCxnSpPr>
        <p:spPr bwMode="auto">
          <a:xfrm>
            <a:off x="9743890" y="5555502"/>
            <a:ext cx="0" cy="949103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D853AF4F-3548-46ED-8DF7-6FDF816BFD82}"/>
              </a:ext>
            </a:extLst>
          </p:cNvPr>
          <p:cNvCxnSpPr>
            <a:cxnSpLocks/>
          </p:cNvCxnSpPr>
          <p:nvPr/>
        </p:nvCxnSpPr>
        <p:spPr bwMode="auto">
          <a:xfrm>
            <a:off x="9016892" y="5555502"/>
            <a:ext cx="0" cy="632072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8" name="Text Box 4">
            <a:extLst>
              <a:ext uri="{FF2B5EF4-FFF2-40B4-BE49-F238E27FC236}">
                <a16:creationId xmlns:a16="http://schemas.microsoft.com/office/drawing/2014/main" id="{B248EE15-B079-4E9A-8193-F6951CC6062D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102197" y="6524892"/>
            <a:ext cx="1202763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3x 1/10 GBE</a:t>
            </a:r>
          </a:p>
        </p:txBody>
      </p:sp>
      <p:sp>
        <p:nvSpPr>
          <p:cNvPr id="59" name="Text Box 4">
            <a:extLst>
              <a:ext uri="{FF2B5EF4-FFF2-40B4-BE49-F238E27FC236}">
                <a16:creationId xmlns:a16="http://schemas.microsoft.com/office/drawing/2014/main" id="{4D2ED528-63FF-4E1E-AC91-944C516E580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694513" y="5933719"/>
            <a:ext cx="147945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000BaseT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26BF6269-0653-423E-98BF-FED32873C54A}"/>
              </a:ext>
            </a:extLst>
          </p:cNvPr>
          <p:cNvGrpSpPr/>
          <p:nvPr/>
        </p:nvGrpSpPr>
        <p:grpSpPr>
          <a:xfrm>
            <a:off x="2159147" y="2434190"/>
            <a:ext cx="2097419" cy="1587787"/>
            <a:chOff x="6575658" y="1765116"/>
            <a:chExt cx="1624210" cy="1122831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AA7B1BD8-8221-482E-B572-D86BD8D5DF4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628618" y="1765116"/>
              <a:ext cx="1571250" cy="1122831"/>
            </a:xfrm>
            <a:prstGeom prst="rect">
              <a:avLst/>
            </a:prstGeom>
          </p:spPr>
        </p:pic>
        <p:pic>
          <p:nvPicPr>
            <p:cNvPr id="41" name="Picture 40" descr="A picture containing light&#10;&#10;Description automatically generated">
              <a:extLst>
                <a:ext uri="{FF2B5EF4-FFF2-40B4-BE49-F238E27FC236}">
                  <a16:creationId xmlns:a16="http://schemas.microsoft.com/office/drawing/2014/main" id="{5C32F006-7B0F-44E9-AA93-F0BFD36C42A4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flipH="1">
              <a:off x="6575658" y="2160737"/>
              <a:ext cx="394792" cy="534192"/>
            </a:xfrm>
            <a:prstGeom prst="rect">
              <a:avLst/>
            </a:prstGeom>
          </p:spPr>
        </p:pic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7A115010-29B5-41F4-9162-D3995D4779FA}"/>
              </a:ext>
            </a:extLst>
          </p:cNvPr>
          <p:cNvCxnSpPr>
            <a:cxnSpLocks/>
          </p:cNvCxnSpPr>
          <p:nvPr/>
        </p:nvCxnSpPr>
        <p:spPr bwMode="auto">
          <a:xfrm>
            <a:off x="2363206" y="3615285"/>
            <a:ext cx="0" cy="1044867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Text Box 4">
            <a:extLst>
              <a:ext uri="{FF2B5EF4-FFF2-40B4-BE49-F238E27FC236}">
                <a16:creationId xmlns:a16="http://schemas.microsoft.com/office/drawing/2014/main" id="{50122E98-DCEA-424D-947D-C46AAEDD93C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56929" y="4506263"/>
            <a:ext cx="1215763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/10 GBE</a:t>
            </a:r>
          </a:p>
        </p:txBody>
      </p:sp>
      <p:sp>
        <p:nvSpPr>
          <p:cNvPr id="53" name="Text Box 4">
            <a:extLst>
              <a:ext uri="{FF2B5EF4-FFF2-40B4-BE49-F238E27FC236}">
                <a16:creationId xmlns:a16="http://schemas.microsoft.com/office/drawing/2014/main" id="{1F2EE621-3092-42FE-8299-61CFCDA08C08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360121" y="4634850"/>
            <a:ext cx="1102968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00BaseT</a:t>
            </a:r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13A14D54-489E-414A-94EB-83F41A316755}"/>
              </a:ext>
            </a:extLst>
          </p:cNvPr>
          <p:cNvSpPr/>
          <p:nvPr/>
        </p:nvSpPr>
        <p:spPr bwMode="auto">
          <a:xfrm>
            <a:off x="2438400" y="3651250"/>
            <a:ext cx="546100" cy="432175"/>
          </a:xfrm>
          <a:custGeom>
            <a:avLst/>
            <a:gdLst>
              <a:gd name="connsiteX0" fmla="*/ 546100 w 546100"/>
              <a:gd name="connsiteY0" fmla="*/ 234950 h 432175"/>
              <a:gd name="connsiteX1" fmla="*/ 412750 w 546100"/>
              <a:gd name="connsiteY1" fmla="*/ 412750 h 432175"/>
              <a:gd name="connsiteX2" fmla="*/ 88900 w 546100"/>
              <a:gd name="connsiteY2" fmla="*/ 381000 h 432175"/>
              <a:gd name="connsiteX3" fmla="*/ 0 w 546100"/>
              <a:gd name="connsiteY3" fmla="*/ 0 h 4321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46100" h="432175">
                <a:moveTo>
                  <a:pt x="546100" y="234950"/>
                </a:moveTo>
                <a:cubicBezTo>
                  <a:pt x="517525" y="311679"/>
                  <a:pt x="488950" y="388408"/>
                  <a:pt x="412750" y="412750"/>
                </a:cubicBezTo>
                <a:cubicBezTo>
                  <a:pt x="336550" y="437092"/>
                  <a:pt x="157692" y="449792"/>
                  <a:pt x="88900" y="381000"/>
                </a:cubicBezTo>
                <a:cubicBezTo>
                  <a:pt x="20108" y="312208"/>
                  <a:pt x="10054" y="156104"/>
                  <a:pt x="0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1F7FDA1D-45B1-440F-A42C-34692B4718F8}"/>
              </a:ext>
            </a:extLst>
          </p:cNvPr>
          <p:cNvCxnSpPr>
            <a:cxnSpLocks/>
          </p:cNvCxnSpPr>
          <p:nvPr/>
        </p:nvCxnSpPr>
        <p:spPr bwMode="auto">
          <a:xfrm>
            <a:off x="2251244" y="3550563"/>
            <a:ext cx="0" cy="1676206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5" name="Text Box 4">
            <a:extLst>
              <a:ext uri="{FF2B5EF4-FFF2-40B4-BE49-F238E27FC236}">
                <a16:creationId xmlns:a16="http://schemas.microsoft.com/office/drawing/2014/main" id="{7FDBA61D-68DB-45A2-81A0-F53A512457A2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08734" y="3058073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71</a:t>
            </a:r>
          </a:p>
        </p:txBody>
      </p:sp>
      <p:sp>
        <p:nvSpPr>
          <p:cNvPr id="56" name="Text Box 4">
            <a:extLst>
              <a:ext uri="{FF2B5EF4-FFF2-40B4-BE49-F238E27FC236}">
                <a16:creationId xmlns:a16="http://schemas.microsoft.com/office/drawing/2014/main" id="{42CB2CB1-31C6-4C88-84F0-48C55F4BC71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878863" y="2409650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4 / 6365</a:t>
            </a:r>
          </a:p>
        </p:txBody>
      </p:sp>
      <p:sp>
        <p:nvSpPr>
          <p:cNvPr id="60" name="Text Box 4">
            <a:extLst>
              <a:ext uri="{FF2B5EF4-FFF2-40B4-BE49-F238E27FC236}">
                <a16:creationId xmlns:a16="http://schemas.microsoft.com/office/drawing/2014/main" id="{1D78BFAD-A843-496F-868D-31654D8A7D4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566063" y="4062094"/>
            <a:ext cx="1039986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23BF450F-50B4-42B1-B284-DEEB789EEEE6}"/>
              </a:ext>
            </a:extLst>
          </p:cNvPr>
          <p:cNvSpPr/>
          <p:nvPr/>
        </p:nvSpPr>
        <p:spPr bwMode="auto">
          <a:xfrm>
            <a:off x="2540001" y="3445164"/>
            <a:ext cx="152668" cy="267854"/>
          </a:xfrm>
          <a:custGeom>
            <a:avLst/>
            <a:gdLst>
              <a:gd name="connsiteX0" fmla="*/ 0 w 196149"/>
              <a:gd name="connsiteY0" fmla="*/ 267854 h 267854"/>
              <a:gd name="connsiteX1" fmla="*/ 166255 w 196149"/>
              <a:gd name="connsiteY1" fmla="*/ 184727 h 267854"/>
              <a:gd name="connsiteX2" fmla="*/ 193964 w 196149"/>
              <a:gd name="connsiteY2" fmla="*/ 0 h 2678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96149" h="267854">
                <a:moveTo>
                  <a:pt x="0" y="267854"/>
                </a:moveTo>
                <a:cubicBezTo>
                  <a:pt x="66964" y="248611"/>
                  <a:pt x="133928" y="229369"/>
                  <a:pt x="166255" y="184727"/>
                </a:cubicBezTo>
                <a:cubicBezTo>
                  <a:pt x="198582" y="140085"/>
                  <a:pt x="198582" y="35406"/>
                  <a:pt x="193964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4" name="Text Box 4">
            <a:extLst>
              <a:ext uri="{FF2B5EF4-FFF2-40B4-BE49-F238E27FC236}">
                <a16:creationId xmlns:a16="http://schemas.microsoft.com/office/drawing/2014/main" id="{932C7327-80E8-4438-91A6-5F988DF8E40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469833" y="1933093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</p:spTree>
    <p:extLst>
      <p:ext uri="{BB962C8B-B14F-4D97-AF65-F5344CB8AC3E}">
        <p14:creationId xmlns:p14="http://schemas.microsoft.com/office/powerpoint/2010/main" val="168082589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" name="Freeform 8">
            <a:extLst>
              <a:ext uri="{FF2B5EF4-FFF2-40B4-BE49-F238E27FC236}">
                <a16:creationId xmlns:a16="http://schemas.microsoft.com/office/drawing/2014/main" id="{EBE3D1E4-FA85-4228-8E20-D62DAAE8520A}"/>
              </a:ext>
            </a:extLst>
          </p:cNvPr>
          <p:cNvSpPr>
            <a:spLocks/>
          </p:cNvSpPr>
          <p:nvPr/>
        </p:nvSpPr>
        <p:spPr bwMode="auto">
          <a:xfrm rot="15878829">
            <a:off x="382804" y="1447400"/>
            <a:ext cx="196540" cy="830529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16913D3-ED79-43B1-A5DC-076EA9DE7196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759986" y="2170673"/>
            <a:ext cx="2266086" cy="2353944"/>
          </a:xfrm>
          <a:prstGeom prst="rect">
            <a:avLst/>
          </a:prstGeom>
        </p:spPr>
      </p:pic>
      <p:sp>
        <p:nvSpPr>
          <p:cNvPr id="22" name="Text Box 4">
            <a:extLst>
              <a:ext uri="{FF2B5EF4-FFF2-40B4-BE49-F238E27FC236}">
                <a16:creationId xmlns:a16="http://schemas.microsoft.com/office/drawing/2014/main" id="{6FF998C5-5D92-45AB-8D6F-44671385458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411313" y="1959090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30" name="Title 3">
            <a:extLst>
              <a:ext uri="{FF2B5EF4-FFF2-40B4-BE49-F238E27FC236}">
                <a16:creationId xmlns:a16="http://schemas.microsoft.com/office/drawing/2014/main" id="{F2A81F04-381B-4D69-B833-3AF3F786143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9712" y="497742"/>
            <a:ext cx="11712575" cy="909923"/>
          </a:xfrm>
        </p:spPr>
        <p:txBody>
          <a:bodyPr/>
          <a:lstStyle/>
          <a:p>
            <a:r>
              <a:rPr lang="en-US" sz="4000" dirty="0">
                <a:solidFill>
                  <a:schemeClr val="tx1"/>
                </a:solidFill>
              </a:rPr>
              <a:t>MINI-LINK 6371 </a:t>
            </a:r>
            <a:r>
              <a:rPr lang="en-US" sz="4000" dirty="0"/>
              <a:t>&amp; </a:t>
            </a:r>
            <a:r>
              <a:rPr lang="en-US" sz="4000" dirty="0">
                <a:solidFill>
                  <a:schemeClr val="tx1"/>
                </a:solidFill>
              </a:rPr>
              <a:t>MINI-LINK 6651/4</a:t>
            </a:r>
            <a:r>
              <a:rPr lang="en-US" sz="4000" dirty="0"/>
              <a:t> –</a:t>
            </a:r>
            <a:r>
              <a:rPr lang="en-US" sz="4000" dirty="0">
                <a:solidFill>
                  <a:schemeClr val="tx1"/>
                </a:solidFill>
              </a:rPr>
              <a:t> multiband</a:t>
            </a: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75562137-AC20-4FFE-AEC3-A357B825B43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841435" y="4567273"/>
            <a:ext cx="827646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 GBE</a:t>
            </a:r>
          </a:p>
        </p:txBody>
      </p:sp>
      <p:sp>
        <p:nvSpPr>
          <p:cNvPr id="35" name="Text Box 4">
            <a:extLst>
              <a:ext uri="{FF2B5EF4-FFF2-40B4-BE49-F238E27FC236}">
                <a16:creationId xmlns:a16="http://schemas.microsoft.com/office/drawing/2014/main" id="{D9E35CCD-B4E8-4B2A-9147-C0E4671681D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649653" y="3857804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43" name="Text Box 4">
            <a:extLst>
              <a:ext uri="{FF2B5EF4-FFF2-40B4-BE49-F238E27FC236}">
                <a16:creationId xmlns:a16="http://schemas.microsoft.com/office/drawing/2014/main" id="{967C752D-FBC2-4432-8F5C-318FF3A71BF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443483" y="5072881"/>
            <a:ext cx="96758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/10 GBE</a:t>
            </a:r>
          </a:p>
        </p:txBody>
      </p:sp>
      <p:sp>
        <p:nvSpPr>
          <p:cNvPr id="45" name="Text Box 4">
            <a:extLst>
              <a:ext uri="{FF2B5EF4-FFF2-40B4-BE49-F238E27FC236}">
                <a16:creationId xmlns:a16="http://schemas.microsoft.com/office/drawing/2014/main" id="{7F33ADB6-8661-4601-8CCE-0AE31DA35E8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049647" y="2608062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46" name="Freeform 8">
            <a:extLst>
              <a:ext uri="{FF2B5EF4-FFF2-40B4-BE49-F238E27FC236}">
                <a16:creationId xmlns:a16="http://schemas.microsoft.com/office/drawing/2014/main" id="{0DD75498-EC5C-47DF-949C-2BDA615859BD}"/>
              </a:ext>
            </a:extLst>
          </p:cNvPr>
          <p:cNvSpPr>
            <a:spLocks/>
          </p:cNvSpPr>
          <p:nvPr/>
        </p:nvSpPr>
        <p:spPr bwMode="auto">
          <a:xfrm rot="15799810">
            <a:off x="5463683" y="2315774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7" name="Freeform 8">
            <a:extLst>
              <a:ext uri="{FF2B5EF4-FFF2-40B4-BE49-F238E27FC236}">
                <a16:creationId xmlns:a16="http://schemas.microsoft.com/office/drawing/2014/main" id="{CB1F600D-5506-4A07-891D-124554BDDEB1}"/>
              </a:ext>
            </a:extLst>
          </p:cNvPr>
          <p:cNvSpPr>
            <a:spLocks/>
          </p:cNvSpPr>
          <p:nvPr/>
        </p:nvSpPr>
        <p:spPr bwMode="auto">
          <a:xfrm rot="15878829">
            <a:off x="5556155" y="2656610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48" name="Text Box 4">
            <a:extLst>
              <a:ext uri="{FF2B5EF4-FFF2-40B4-BE49-F238E27FC236}">
                <a16:creationId xmlns:a16="http://schemas.microsoft.com/office/drawing/2014/main" id="{C84DFF55-CB4E-44F7-BD10-DE2A8203DA7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682163" y="3988935"/>
            <a:ext cx="1265288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50" name="Text Box 16">
            <a:extLst>
              <a:ext uri="{FF2B5EF4-FFF2-40B4-BE49-F238E27FC236}">
                <a16:creationId xmlns:a16="http://schemas.microsoft.com/office/drawing/2014/main" id="{4F3B0E34-CA30-4C29-A690-05B36E5CE564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236867" y="3510841"/>
            <a:ext cx="2589174" cy="64632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E-Band 62.5 </a:t>
            </a:r>
            <a:r>
              <a:rPr lang="en-US" altLang="sv-SE" sz="1200" dirty="0" err="1">
                <a:solidFill>
                  <a:srgbClr val="58585A"/>
                </a:solidFill>
              </a:rPr>
              <a:t>až</a:t>
            </a:r>
            <a:r>
              <a:rPr lang="en-US" altLang="sv-SE" sz="1200" dirty="0">
                <a:solidFill>
                  <a:srgbClr val="58585A"/>
                </a:solidFill>
              </a:rPr>
              <a:t>  2000 MHz </a:t>
            </a:r>
            <a:r>
              <a:rPr lang="en-US" altLang="sv-SE" sz="1200" dirty="0" err="1">
                <a:solidFill>
                  <a:srgbClr val="58585A"/>
                </a:solidFill>
              </a:rPr>
              <a:t>kanál</a:t>
            </a: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endParaRPr lang="en-US" altLang="sv-SE" sz="1200" dirty="0">
              <a:solidFill>
                <a:srgbClr val="58585A"/>
              </a:solidFill>
            </a:endParaRPr>
          </a:p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 err="1">
                <a:solidFill>
                  <a:srgbClr val="58585A"/>
                </a:solidFill>
              </a:rPr>
              <a:t>Standardní</a:t>
            </a:r>
            <a:r>
              <a:rPr lang="en-US" altLang="sv-SE" sz="1200" dirty="0">
                <a:solidFill>
                  <a:srgbClr val="58585A"/>
                </a:solidFill>
              </a:rPr>
              <a:t> </a:t>
            </a:r>
            <a:r>
              <a:rPr lang="en-US" altLang="sv-SE" sz="1200" dirty="0" err="1">
                <a:solidFill>
                  <a:srgbClr val="58585A"/>
                </a:solidFill>
              </a:rPr>
              <a:t>pásmo</a:t>
            </a:r>
            <a:r>
              <a:rPr lang="en-US" altLang="sv-SE" sz="1200" dirty="0">
                <a:solidFill>
                  <a:srgbClr val="58585A"/>
                </a:solidFill>
              </a:rPr>
              <a:t> 7 – 112MHz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DC80FD51-1A6C-4410-A9F9-D5554B9B8E5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35574" y="5268201"/>
            <a:ext cx="4747990" cy="573025"/>
          </a:xfrm>
          <a:prstGeom prst="rect">
            <a:avLst/>
          </a:prstGeom>
        </p:spPr>
      </p:pic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BC3F3343-EA43-460A-ABC0-47CF8500CC26}"/>
              </a:ext>
            </a:extLst>
          </p:cNvPr>
          <p:cNvSpPr/>
          <p:nvPr/>
        </p:nvSpPr>
        <p:spPr bwMode="auto">
          <a:xfrm>
            <a:off x="8547587" y="3860052"/>
            <a:ext cx="2447864" cy="1676400"/>
          </a:xfrm>
          <a:custGeom>
            <a:avLst/>
            <a:gdLst>
              <a:gd name="connsiteX0" fmla="*/ 10618 w 2447864"/>
              <a:gd name="connsiteY0" fmla="*/ 0 h 1676400"/>
              <a:gd name="connsiteX1" fmla="*/ 124918 w 2447864"/>
              <a:gd name="connsiteY1" fmla="*/ 552450 h 1676400"/>
              <a:gd name="connsiteX2" fmla="*/ 896443 w 2447864"/>
              <a:gd name="connsiteY2" fmla="*/ 971550 h 1676400"/>
              <a:gd name="connsiteX3" fmla="*/ 2315668 w 2447864"/>
              <a:gd name="connsiteY3" fmla="*/ 1181100 h 1676400"/>
              <a:gd name="connsiteX4" fmla="*/ 2401393 w 2447864"/>
              <a:gd name="connsiteY4" fmla="*/ 1676400 h 1676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47864" h="1676400">
                <a:moveTo>
                  <a:pt x="10618" y="0"/>
                </a:moveTo>
                <a:cubicBezTo>
                  <a:pt x="-6051" y="195262"/>
                  <a:pt x="-22719" y="390525"/>
                  <a:pt x="124918" y="552450"/>
                </a:cubicBezTo>
                <a:cubicBezTo>
                  <a:pt x="272555" y="714375"/>
                  <a:pt x="531318" y="866775"/>
                  <a:pt x="896443" y="971550"/>
                </a:cubicBezTo>
                <a:cubicBezTo>
                  <a:pt x="1261568" y="1076325"/>
                  <a:pt x="2064843" y="1063625"/>
                  <a:pt x="2315668" y="1181100"/>
                </a:cubicBezTo>
                <a:cubicBezTo>
                  <a:pt x="2566493" y="1298575"/>
                  <a:pt x="2379168" y="1582738"/>
                  <a:pt x="2401393" y="167640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00E0508C-E434-49AB-B46A-0DBD19511415}"/>
              </a:ext>
            </a:extLst>
          </p:cNvPr>
          <p:cNvSpPr/>
          <p:nvPr/>
        </p:nvSpPr>
        <p:spPr bwMode="auto">
          <a:xfrm>
            <a:off x="8234355" y="4021977"/>
            <a:ext cx="1266057" cy="1533525"/>
          </a:xfrm>
          <a:custGeom>
            <a:avLst/>
            <a:gdLst>
              <a:gd name="connsiteX0" fmla="*/ 0 w 1266057"/>
              <a:gd name="connsiteY0" fmla="*/ 0 h 1533525"/>
              <a:gd name="connsiteX1" fmla="*/ 295275 w 1266057"/>
              <a:gd name="connsiteY1" fmla="*/ 447675 h 1533525"/>
              <a:gd name="connsiteX2" fmla="*/ 942975 w 1266057"/>
              <a:gd name="connsiteY2" fmla="*/ 800100 h 1533525"/>
              <a:gd name="connsiteX3" fmla="*/ 1247775 w 1266057"/>
              <a:gd name="connsiteY3" fmla="*/ 1104900 h 1533525"/>
              <a:gd name="connsiteX4" fmla="*/ 1209675 w 1266057"/>
              <a:gd name="connsiteY4" fmla="*/ 1533525 h 15335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66057" h="1533525">
                <a:moveTo>
                  <a:pt x="0" y="0"/>
                </a:moveTo>
                <a:cubicBezTo>
                  <a:pt x="69056" y="157162"/>
                  <a:pt x="138113" y="314325"/>
                  <a:pt x="295275" y="447675"/>
                </a:cubicBezTo>
                <a:cubicBezTo>
                  <a:pt x="452437" y="581025"/>
                  <a:pt x="784225" y="690563"/>
                  <a:pt x="942975" y="800100"/>
                </a:cubicBezTo>
                <a:cubicBezTo>
                  <a:pt x="1101725" y="909637"/>
                  <a:pt x="1203325" y="982663"/>
                  <a:pt x="1247775" y="1104900"/>
                </a:cubicBezTo>
                <a:cubicBezTo>
                  <a:pt x="1292225" y="1227138"/>
                  <a:pt x="1246187" y="1466850"/>
                  <a:pt x="1209675" y="1533525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110D2FA-42D8-4823-B7A8-8B2A9AE55E7B}"/>
              </a:ext>
            </a:extLst>
          </p:cNvPr>
          <p:cNvCxnSpPr>
            <a:cxnSpLocks/>
          </p:cNvCxnSpPr>
          <p:nvPr/>
        </p:nvCxnSpPr>
        <p:spPr bwMode="auto">
          <a:xfrm>
            <a:off x="9743890" y="5555502"/>
            <a:ext cx="0" cy="949103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D853AF4F-3548-46ED-8DF7-6FDF816BFD82}"/>
              </a:ext>
            </a:extLst>
          </p:cNvPr>
          <p:cNvCxnSpPr>
            <a:cxnSpLocks/>
          </p:cNvCxnSpPr>
          <p:nvPr/>
        </p:nvCxnSpPr>
        <p:spPr bwMode="auto">
          <a:xfrm>
            <a:off x="9016892" y="5555502"/>
            <a:ext cx="0" cy="632072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8" name="Text Box 4">
            <a:extLst>
              <a:ext uri="{FF2B5EF4-FFF2-40B4-BE49-F238E27FC236}">
                <a16:creationId xmlns:a16="http://schemas.microsoft.com/office/drawing/2014/main" id="{B248EE15-B079-4E9A-8193-F6951CC6062D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102197" y="6524892"/>
            <a:ext cx="1202763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3x 1/10 GBE</a:t>
            </a:r>
          </a:p>
        </p:txBody>
      </p:sp>
      <p:sp>
        <p:nvSpPr>
          <p:cNvPr id="59" name="Text Box 4">
            <a:extLst>
              <a:ext uri="{FF2B5EF4-FFF2-40B4-BE49-F238E27FC236}">
                <a16:creationId xmlns:a16="http://schemas.microsoft.com/office/drawing/2014/main" id="{4D2ED528-63FF-4E1E-AC91-944C516E580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694513" y="5933719"/>
            <a:ext cx="1479450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000BaseT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26BF6269-0653-423E-98BF-FED32873C54A}"/>
              </a:ext>
            </a:extLst>
          </p:cNvPr>
          <p:cNvGrpSpPr/>
          <p:nvPr/>
        </p:nvGrpSpPr>
        <p:grpSpPr>
          <a:xfrm>
            <a:off x="2159147" y="2434190"/>
            <a:ext cx="2097419" cy="1587787"/>
            <a:chOff x="6575658" y="1765116"/>
            <a:chExt cx="1624210" cy="1122831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AA7B1BD8-8221-482E-B572-D86BD8D5DF4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628618" y="1765116"/>
              <a:ext cx="1571250" cy="1122831"/>
            </a:xfrm>
            <a:prstGeom prst="rect">
              <a:avLst/>
            </a:prstGeom>
          </p:spPr>
        </p:pic>
        <p:pic>
          <p:nvPicPr>
            <p:cNvPr id="41" name="Picture 40" descr="A picture containing light&#10;&#10;Description automatically generated">
              <a:extLst>
                <a:ext uri="{FF2B5EF4-FFF2-40B4-BE49-F238E27FC236}">
                  <a16:creationId xmlns:a16="http://schemas.microsoft.com/office/drawing/2014/main" id="{5C32F006-7B0F-44E9-AA93-F0BFD36C42A4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flipH="1">
              <a:off x="6575658" y="2160737"/>
              <a:ext cx="394792" cy="534192"/>
            </a:xfrm>
            <a:prstGeom prst="rect">
              <a:avLst/>
            </a:prstGeom>
          </p:spPr>
        </p:pic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7A115010-29B5-41F4-9162-D3995D4779FA}"/>
              </a:ext>
            </a:extLst>
          </p:cNvPr>
          <p:cNvCxnSpPr>
            <a:cxnSpLocks/>
          </p:cNvCxnSpPr>
          <p:nvPr/>
        </p:nvCxnSpPr>
        <p:spPr bwMode="auto">
          <a:xfrm>
            <a:off x="2363206" y="3615285"/>
            <a:ext cx="0" cy="1044867"/>
          </a:xfrm>
          <a:prstGeom prst="straightConnector1">
            <a:avLst/>
          </a:prstGeom>
          <a:ln>
            <a:solidFill>
              <a:srgbClr val="00B050"/>
            </a:solidFill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Text Box 4">
            <a:extLst>
              <a:ext uri="{FF2B5EF4-FFF2-40B4-BE49-F238E27FC236}">
                <a16:creationId xmlns:a16="http://schemas.microsoft.com/office/drawing/2014/main" id="{50122E98-DCEA-424D-947D-C46AAEDD93C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56929" y="4506263"/>
            <a:ext cx="1215763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2x 1/10 GBE</a:t>
            </a:r>
          </a:p>
        </p:txBody>
      </p:sp>
      <p:sp>
        <p:nvSpPr>
          <p:cNvPr id="53" name="Text Box 4">
            <a:extLst>
              <a:ext uri="{FF2B5EF4-FFF2-40B4-BE49-F238E27FC236}">
                <a16:creationId xmlns:a16="http://schemas.microsoft.com/office/drawing/2014/main" id="{1F2EE621-3092-42FE-8299-61CFCDA08C08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360121" y="4634850"/>
            <a:ext cx="1102968" cy="30777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1000BaseT</a:t>
            </a:r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13A14D54-489E-414A-94EB-83F41A316755}"/>
              </a:ext>
            </a:extLst>
          </p:cNvPr>
          <p:cNvSpPr/>
          <p:nvPr/>
        </p:nvSpPr>
        <p:spPr bwMode="auto">
          <a:xfrm>
            <a:off x="2438400" y="3651250"/>
            <a:ext cx="546100" cy="432175"/>
          </a:xfrm>
          <a:custGeom>
            <a:avLst/>
            <a:gdLst>
              <a:gd name="connsiteX0" fmla="*/ 546100 w 546100"/>
              <a:gd name="connsiteY0" fmla="*/ 234950 h 432175"/>
              <a:gd name="connsiteX1" fmla="*/ 412750 w 546100"/>
              <a:gd name="connsiteY1" fmla="*/ 412750 h 432175"/>
              <a:gd name="connsiteX2" fmla="*/ 88900 w 546100"/>
              <a:gd name="connsiteY2" fmla="*/ 381000 h 432175"/>
              <a:gd name="connsiteX3" fmla="*/ 0 w 546100"/>
              <a:gd name="connsiteY3" fmla="*/ 0 h 4321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46100" h="432175">
                <a:moveTo>
                  <a:pt x="546100" y="234950"/>
                </a:moveTo>
                <a:cubicBezTo>
                  <a:pt x="517525" y="311679"/>
                  <a:pt x="488950" y="388408"/>
                  <a:pt x="412750" y="412750"/>
                </a:cubicBezTo>
                <a:cubicBezTo>
                  <a:pt x="336550" y="437092"/>
                  <a:pt x="157692" y="449792"/>
                  <a:pt x="88900" y="381000"/>
                </a:cubicBezTo>
                <a:cubicBezTo>
                  <a:pt x="20108" y="312208"/>
                  <a:pt x="10054" y="156104"/>
                  <a:pt x="0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indent="0" algn="ctr">
              <a:buNone/>
            </a:pPr>
            <a:endParaRPr lang="en-US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1F7FDA1D-45B1-440F-A42C-34692B4718F8}"/>
              </a:ext>
            </a:extLst>
          </p:cNvPr>
          <p:cNvCxnSpPr>
            <a:cxnSpLocks/>
          </p:cNvCxnSpPr>
          <p:nvPr/>
        </p:nvCxnSpPr>
        <p:spPr bwMode="auto">
          <a:xfrm>
            <a:off x="2251244" y="3550563"/>
            <a:ext cx="0" cy="1676206"/>
          </a:xfrm>
          <a:prstGeom prst="straightConnector1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5" name="Text Box 4">
            <a:extLst>
              <a:ext uri="{FF2B5EF4-FFF2-40B4-BE49-F238E27FC236}">
                <a16:creationId xmlns:a16="http://schemas.microsoft.com/office/drawing/2014/main" id="{7FDBA61D-68DB-45A2-81A0-F53A512457A2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08734" y="3058073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71</a:t>
            </a:r>
          </a:p>
        </p:txBody>
      </p:sp>
      <p:sp>
        <p:nvSpPr>
          <p:cNvPr id="56" name="Text Box 4">
            <a:extLst>
              <a:ext uri="{FF2B5EF4-FFF2-40B4-BE49-F238E27FC236}">
                <a16:creationId xmlns:a16="http://schemas.microsoft.com/office/drawing/2014/main" id="{42CB2CB1-31C6-4C88-84F0-48C55F4BC71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878863" y="2409650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60" name="Text Box 4">
            <a:extLst>
              <a:ext uri="{FF2B5EF4-FFF2-40B4-BE49-F238E27FC236}">
                <a16:creationId xmlns:a16="http://schemas.microsoft.com/office/drawing/2014/main" id="{1D78BFAD-A843-496F-868D-31654D8A7D4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566063" y="4062094"/>
            <a:ext cx="1039986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52</a:t>
            </a:r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23BF450F-50B4-42B1-B284-DEEB789EEEE6}"/>
              </a:ext>
            </a:extLst>
          </p:cNvPr>
          <p:cNvSpPr/>
          <p:nvPr/>
        </p:nvSpPr>
        <p:spPr bwMode="auto">
          <a:xfrm>
            <a:off x="2540001" y="3445164"/>
            <a:ext cx="152668" cy="267854"/>
          </a:xfrm>
          <a:custGeom>
            <a:avLst/>
            <a:gdLst>
              <a:gd name="connsiteX0" fmla="*/ 0 w 196149"/>
              <a:gd name="connsiteY0" fmla="*/ 267854 h 267854"/>
              <a:gd name="connsiteX1" fmla="*/ 166255 w 196149"/>
              <a:gd name="connsiteY1" fmla="*/ 184727 h 267854"/>
              <a:gd name="connsiteX2" fmla="*/ 193964 w 196149"/>
              <a:gd name="connsiteY2" fmla="*/ 0 h 2678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96149" h="267854">
                <a:moveTo>
                  <a:pt x="0" y="267854"/>
                </a:moveTo>
                <a:cubicBezTo>
                  <a:pt x="66964" y="248611"/>
                  <a:pt x="133928" y="229369"/>
                  <a:pt x="166255" y="184727"/>
                </a:cubicBezTo>
                <a:cubicBezTo>
                  <a:pt x="198582" y="140085"/>
                  <a:pt x="198582" y="35406"/>
                  <a:pt x="193964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1" name="Picture 60" descr="A picture containing sitting, remote, hydrant, light&#10;&#10;Description automatically generated">
            <a:extLst>
              <a:ext uri="{FF2B5EF4-FFF2-40B4-BE49-F238E27FC236}">
                <a16:creationId xmlns:a16="http://schemas.microsoft.com/office/drawing/2014/main" id="{7D7C59A6-CEF0-4405-ADE8-92A05FE3CEA7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03579" y="1645158"/>
            <a:ext cx="1368123" cy="1300794"/>
          </a:xfrm>
          <a:prstGeom prst="rect">
            <a:avLst/>
          </a:prstGeom>
        </p:spPr>
      </p:pic>
      <p:pic>
        <p:nvPicPr>
          <p:cNvPr id="62" name="Picture 61" descr="A picture containing sitting, remote, hydrant, light&#10;&#10;Description automatically generated">
            <a:extLst>
              <a:ext uri="{FF2B5EF4-FFF2-40B4-BE49-F238E27FC236}">
                <a16:creationId xmlns:a16="http://schemas.microsoft.com/office/drawing/2014/main" id="{2B8EA8B7-5A24-4F5E-A05A-585E488E6DC5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flipH="1">
            <a:off x="575328" y="1290112"/>
            <a:ext cx="1486752" cy="1300794"/>
          </a:xfrm>
          <a:prstGeom prst="rect">
            <a:avLst/>
          </a:prstGeom>
        </p:spPr>
      </p:pic>
      <p:sp>
        <p:nvSpPr>
          <p:cNvPr id="63" name="Freeform 8">
            <a:extLst>
              <a:ext uri="{FF2B5EF4-FFF2-40B4-BE49-F238E27FC236}">
                <a16:creationId xmlns:a16="http://schemas.microsoft.com/office/drawing/2014/main" id="{1E1D239E-A211-4A14-BD9E-B7F7F57733C5}"/>
              </a:ext>
            </a:extLst>
          </p:cNvPr>
          <p:cNvSpPr>
            <a:spLocks/>
          </p:cNvSpPr>
          <p:nvPr/>
        </p:nvSpPr>
        <p:spPr bwMode="auto">
          <a:xfrm rot="15878829">
            <a:off x="11465064" y="1696306"/>
            <a:ext cx="196540" cy="830529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C2C3C4"/>
          </a:solidFill>
          <a:ln w="12700" cap="flat" cmpd="sng" algn="ctr">
            <a:solidFill>
              <a:srgbClr val="C2C3C4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E05360ED-2637-4439-9984-205F407EF49E}"/>
              </a:ext>
            </a:extLst>
          </p:cNvPr>
          <p:cNvSpPr/>
          <p:nvPr/>
        </p:nvSpPr>
        <p:spPr bwMode="auto">
          <a:xfrm>
            <a:off x="9912596" y="2707105"/>
            <a:ext cx="1533576" cy="2791327"/>
          </a:xfrm>
          <a:custGeom>
            <a:avLst/>
            <a:gdLst>
              <a:gd name="connsiteX0" fmla="*/ 1336930 w 1533576"/>
              <a:gd name="connsiteY0" fmla="*/ 2791327 h 2791327"/>
              <a:gd name="connsiteX1" fmla="*/ 1505372 w 1533576"/>
              <a:gd name="connsiteY1" fmla="*/ 2153653 h 2791327"/>
              <a:gd name="connsiteX2" fmla="*/ 819572 w 1533576"/>
              <a:gd name="connsiteY2" fmla="*/ 1431758 h 2791327"/>
              <a:gd name="connsiteX3" fmla="*/ 193930 w 1533576"/>
              <a:gd name="connsiteY3" fmla="*/ 1082842 h 2791327"/>
              <a:gd name="connsiteX4" fmla="*/ 1425 w 1533576"/>
              <a:gd name="connsiteY4" fmla="*/ 397042 h 2791327"/>
              <a:gd name="connsiteX5" fmla="*/ 121741 w 1533576"/>
              <a:gd name="connsiteY5" fmla="*/ 0 h 2791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533576" h="2791327">
                <a:moveTo>
                  <a:pt x="1336930" y="2791327"/>
                </a:moveTo>
                <a:cubicBezTo>
                  <a:pt x="1464264" y="2585787"/>
                  <a:pt x="1591598" y="2380248"/>
                  <a:pt x="1505372" y="2153653"/>
                </a:cubicBezTo>
                <a:cubicBezTo>
                  <a:pt x="1419146" y="1927058"/>
                  <a:pt x="1038146" y="1610226"/>
                  <a:pt x="819572" y="1431758"/>
                </a:cubicBezTo>
                <a:cubicBezTo>
                  <a:pt x="600998" y="1253290"/>
                  <a:pt x="330288" y="1255295"/>
                  <a:pt x="193930" y="1082842"/>
                </a:cubicBezTo>
                <a:cubicBezTo>
                  <a:pt x="57572" y="910389"/>
                  <a:pt x="13456" y="577516"/>
                  <a:pt x="1425" y="397042"/>
                </a:cubicBezTo>
                <a:cubicBezTo>
                  <a:pt x="-10606" y="216568"/>
                  <a:pt x="55567" y="108284"/>
                  <a:pt x="121741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C47B83FB-FB12-4295-A171-07D7AB58603B}"/>
              </a:ext>
            </a:extLst>
          </p:cNvPr>
          <p:cNvSpPr/>
          <p:nvPr/>
        </p:nvSpPr>
        <p:spPr bwMode="auto">
          <a:xfrm>
            <a:off x="1056929" y="2351737"/>
            <a:ext cx="1163323" cy="1475661"/>
          </a:xfrm>
          <a:custGeom>
            <a:avLst/>
            <a:gdLst>
              <a:gd name="connsiteX0" fmla="*/ 1156882 w 1163323"/>
              <a:gd name="connsiteY0" fmla="*/ 1227221 h 1517335"/>
              <a:gd name="connsiteX1" fmla="*/ 1060629 w 1163323"/>
              <a:gd name="connsiteY1" fmla="*/ 1455821 h 1517335"/>
              <a:gd name="connsiteX2" fmla="*/ 447018 w 1163323"/>
              <a:gd name="connsiteY2" fmla="*/ 1491916 h 1517335"/>
              <a:gd name="connsiteX3" fmla="*/ 1850 w 1163323"/>
              <a:gd name="connsiteY3" fmla="*/ 1118937 h 1517335"/>
              <a:gd name="connsiteX4" fmla="*/ 302639 w 1163323"/>
              <a:gd name="connsiteY4" fmla="*/ 433137 h 1517335"/>
              <a:gd name="connsiteX5" fmla="*/ 651555 w 1163323"/>
              <a:gd name="connsiteY5" fmla="*/ 252663 h 1517335"/>
              <a:gd name="connsiteX6" fmla="*/ 579366 w 1163323"/>
              <a:gd name="connsiteY6" fmla="*/ 0 h 15173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163323" h="1517335">
                <a:moveTo>
                  <a:pt x="1156882" y="1227221"/>
                </a:moveTo>
                <a:cubicBezTo>
                  <a:pt x="1167911" y="1319463"/>
                  <a:pt x="1178940" y="1411705"/>
                  <a:pt x="1060629" y="1455821"/>
                </a:cubicBezTo>
                <a:cubicBezTo>
                  <a:pt x="942318" y="1499937"/>
                  <a:pt x="623481" y="1548063"/>
                  <a:pt x="447018" y="1491916"/>
                </a:cubicBezTo>
                <a:cubicBezTo>
                  <a:pt x="270555" y="1435769"/>
                  <a:pt x="25913" y="1295400"/>
                  <a:pt x="1850" y="1118937"/>
                </a:cubicBezTo>
                <a:cubicBezTo>
                  <a:pt x="-22213" y="942474"/>
                  <a:pt x="194355" y="577516"/>
                  <a:pt x="302639" y="433137"/>
                </a:cubicBezTo>
                <a:cubicBezTo>
                  <a:pt x="410923" y="288758"/>
                  <a:pt x="605434" y="324852"/>
                  <a:pt x="651555" y="252663"/>
                </a:cubicBezTo>
                <a:cubicBezTo>
                  <a:pt x="697676" y="180473"/>
                  <a:pt x="638521" y="90236"/>
                  <a:pt x="579366" y="0"/>
                </a:cubicBezTo>
              </a:path>
            </a:pathLst>
          </a:cu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4" name="Text Box 4">
            <a:extLst>
              <a:ext uri="{FF2B5EF4-FFF2-40B4-BE49-F238E27FC236}">
                <a16:creationId xmlns:a16="http://schemas.microsoft.com/office/drawing/2014/main" id="{EBB632CF-8B7F-4E35-98BE-DBDF478B5FE7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457587" y="1944009"/>
            <a:ext cx="2266085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Dvoupásmová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anténa</a:t>
            </a:r>
            <a:r>
              <a:rPr lang="en-US" altLang="sv-SE" sz="1400" dirty="0">
                <a:solidFill>
                  <a:srgbClr val="58585A"/>
                </a:solidFill>
              </a:rPr>
              <a:t> (18/80GHz)</a:t>
            </a:r>
          </a:p>
        </p:txBody>
      </p:sp>
      <p:sp>
        <p:nvSpPr>
          <p:cNvPr id="51" name="Text Box 4">
            <a:extLst>
              <a:ext uri="{FF2B5EF4-FFF2-40B4-BE49-F238E27FC236}">
                <a16:creationId xmlns:a16="http://schemas.microsoft.com/office/drawing/2014/main" id="{4BB9BC04-9B34-482B-AA5F-8A41A95FDC88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166032" y="3438982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64" name="Text Box 4">
            <a:extLst>
              <a:ext uri="{FF2B5EF4-FFF2-40B4-BE49-F238E27FC236}">
                <a16:creationId xmlns:a16="http://schemas.microsoft.com/office/drawing/2014/main" id="{C3BC04EB-BF2E-4D23-932B-CEE93C6755CD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20831" y="3643610"/>
            <a:ext cx="108808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 err="1">
                <a:solidFill>
                  <a:srgbClr val="58585A"/>
                </a:solidFill>
              </a:rPr>
              <a:t>Koaxiální</a:t>
            </a:r>
            <a:r>
              <a:rPr lang="en-US" altLang="sv-SE" sz="1400" dirty="0">
                <a:solidFill>
                  <a:srgbClr val="58585A"/>
                </a:solidFill>
              </a:rPr>
              <a:t> </a:t>
            </a:r>
            <a:r>
              <a:rPr lang="en-US" altLang="sv-SE" sz="1400" dirty="0" err="1">
                <a:solidFill>
                  <a:srgbClr val="58585A"/>
                </a:solidFill>
              </a:rPr>
              <a:t>kabel</a:t>
            </a:r>
            <a:endParaRPr lang="en-US" altLang="sv-SE" sz="1400" dirty="0">
              <a:solidFill>
                <a:srgbClr val="58585A"/>
              </a:solidFill>
            </a:endParaRPr>
          </a:p>
        </p:txBody>
      </p:sp>
      <p:sp>
        <p:nvSpPr>
          <p:cNvPr id="65" name="Text Box 16">
            <a:extLst>
              <a:ext uri="{FF2B5EF4-FFF2-40B4-BE49-F238E27FC236}">
                <a16:creationId xmlns:a16="http://schemas.microsoft.com/office/drawing/2014/main" id="{64F8A8FF-1AC1-41E9-AA84-031377C8E37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0961053" y="1686009"/>
            <a:ext cx="1204561" cy="27699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7 – 112MHz</a:t>
            </a:r>
          </a:p>
        </p:txBody>
      </p:sp>
      <p:sp>
        <p:nvSpPr>
          <p:cNvPr id="66" name="Text Box 16">
            <a:extLst>
              <a:ext uri="{FF2B5EF4-FFF2-40B4-BE49-F238E27FC236}">
                <a16:creationId xmlns:a16="http://schemas.microsoft.com/office/drawing/2014/main" id="{068BE1AE-E883-41FD-8E3B-AA581897CDA0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-171184" y="1200983"/>
            <a:ext cx="1204561" cy="27699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 lIns="91436" tIns="45718" rIns="91436" bIns="45718">
            <a:spAutoFit/>
          </a:bodyPr>
          <a:lstStyle>
            <a:lvl1pPr eaLnBrk="0" hangingPunct="0">
              <a:spcBef>
                <a:spcPct val="20000"/>
              </a:spcBef>
              <a:buClr>
                <a:srgbClr val="00A9D4"/>
              </a:buClr>
              <a:buFont typeface="Arial" charset="0"/>
              <a:buChar char="›"/>
              <a:defRPr sz="2400">
                <a:solidFill>
                  <a:srgbClr val="00285F"/>
                </a:solidFill>
                <a:latin typeface="Arial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rgbClr val="00285F"/>
                </a:solidFill>
                <a:latin typeface="Arial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rgbClr val="00285F"/>
                </a:solidFill>
                <a:latin typeface="Arial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rgbClr val="00285F"/>
                </a:solidFill>
                <a:latin typeface="Arial" charset="0"/>
              </a:defRPr>
            </a:lvl9pPr>
          </a:lstStyle>
          <a:p>
            <a:pPr marL="0" indent="0" algn="ctr">
              <a:spcBef>
                <a:spcPct val="0"/>
              </a:spcBef>
              <a:buClrTx/>
              <a:buNone/>
            </a:pPr>
            <a:r>
              <a:rPr lang="en-US" altLang="sv-SE" sz="1200" dirty="0">
                <a:solidFill>
                  <a:srgbClr val="58585A"/>
                </a:solidFill>
              </a:rPr>
              <a:t>7 – 112MHz</a:t>
            </a:r>
          </a:p>
        </p:txBody>
      </p:sp>
      <p:sp>
        <p:nvSpPr>
          <p:cNvPr id="68" name="Text Box 4">
            <a:extLst>
              <a:ext uri="{FF2B5EF4-FFF2-40B4-BE49-F238E27FC236}">
                <a16:creationId xmlns:a16="http://schemas.microsoft.com/office/drawing/2014/main" id="{6FDDF0FA-19B6-4627-B38E-9CB6943F731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428884" y="1127903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  <p:sp>
        <p:nvSpPr>
          <p:cNvPr id="69" name="Text Box 4">
            <a:extLst>
              <a:ext uri="{FF2B5EF4-FFF2-40B4-BE49-F238E27FC236}">
                <a16:creationId xmlns:a16="http://schemas.microsoft.com/office/drawing/2014/main" id="{B916326B-1083-4CE3-803F-A730004E0E1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950507" y="1520506"/>
            <a:ext cx="1368124" cy="5232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wrap="square">
            <a:spAutoFit/>
          </a:bodyPr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spcBef>
                <a:spcPct val="50000"/>
              </a:spcBef>
              <a:buNone/>
            </a:pPr>
            <a:r>
              <a:rPr lang="en-US" altLang="sv-SE" sz="1400" dirty="0">
                <a:solidFill>
                  <a:srgbClr val="58585A"/>
                </a:solidFill>
              </a:rPr>
              <a:t>MINI-LINK 6363 / 6365</a:t>
            </a:r>
          </a:p>
        </p:txBody>
      </p:sp>
    </p:spTree>
    <p:extLst>
      <p:ext uri="{BB962C8B-B14F-4D97-AF65-F5344CB8AC3E}">
        <p14:creationId xmlns:p14="http://schemas.microsoft.com/office/powerpoint/2010/main" val="32888919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571" y="5207316"/>
            <a:ext cx="6507617" cy="489585"/>
          </a:xfrm>
        </p:spPr>
        <p:txBody>
          <a:bodyPr/>
          <a:lstStyle/>
          <a:p>
            <a:r>
              <a:rPr lang="en-US" dirty="0">
                <a:hlinkClick r:id="rId4"/>
              </a:rPr>
              <a:t>Ericsson Microwave Outlook 2021</a:t>
            </a: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E179FD-81F3-4B24-AF48-240D95C5884D}"/>
              </a:ext>
            </a:extLst>
          </p:cNvPr>
          <p:cNvSpPr txBox="1"/>
          <p:nvPr/>
        </p:nvSpPr>
        <p:spPr>
          <a:xfrm>
            <a:off x="2152649" y="4594890"/>
            <a:ext cx="8277225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dirty="0">
                <a:hlinkClick r:id="rId5"/>
              </a:rPr>
              <a:t>Mobile transport solutions to connect 5G services everywhere - Ericsson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05B259-4A9D-411A-8349-66AC591C15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/>
              <a:t>MINI-LINK  6000 -  </a:t>
            </a:r>
            <a:br>
              <a:rPr lang="en-US" sz="4000" dirty="0"/>
            </a:br>
            <a:r>
              <a:rPr lang="en-US" sz="4000" dirty="0" err="1"/>
              <a:t>Mikrovlnný</a:t>
            </a:r>
            <a:r>
              <a:rPr lang="en-US" sz="4000" dirty="0"/>
              <a:t> </a:t>
            </a:r>
            <a:r>
              <a:rPr lang="en-US" sz="4000" dirty="0" err="1"/>
              <a:t>systém</a:t>
            </a:r>
            <a:r>
              <a:rPr lang="en-US" sz="4000" dirty="0"/>
              <a:t> pro </a:t>
            </a:r>
            <a:r>
              <a:rPr lang="en-US" dirty="0" err="1"/>
              <a:t>transportní</a:t>
            </a:r>
            <a:r>
              <a:rPr lang="en-US" dirty="0"/>
              <a:t> </a:t>
            </a:r>
            <a:r>
              <a:rPr lang="en-US" dirty="0" err="1"/>
              <a:t>sítě</a:t>
            </a:r>
            <a:r>
              <a:rPr lang="en-US" dirty="0"/>
              <a:t> 5G</a:t>
            </a:r>
            <a:endParaRPr lang="en-US" sz="4000" dirty="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9A231B3F-B074-4A92-86F9-0E08FB7E0983}"/>
              </a:ext>
            </a:extLst>
          </p:cNvPr>
          <p:cNvGrpSpPr/>
          <p:nvPr/>
        </p:nvGrpSpPr>
        <p:grpSpPr>
          <a:xfrm>
            <a:off x="7020558" y="1831800"/>
            <a:ext cx="3137723" cy="4405488"/>
            <a:chOff x="8493756" y="1831800"/>
            <a:chExt cx="3137723" cy="4405488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55027EFE-09DA-4EEE-AEFF-8F64FFEC8E7F}"/>
                </a:ext>
              </a:extLst>
            </p:cNvPr>
            <p:cNvSpPr/>
            <p:nvPr/>
          </p:nvSpPr>
          <p:spPr bwMode="auto">
            <a:xfrm>
              <a:off x="8493756" y="1831800"/>
              <a:ext cx="3042475" cy="4405488"/>
            </a:xfrm>
            <a:prstGeom prst="rect">
              <a:avLst/>
            </a:prstGeom>
            <a:solidFill>
              <a:schemeClr val="bg1"/>
            </a:solidFill>
            <a:ln w="31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29EF8868-377F-4CEF-B4D1-55FD108B3B85}"/>
                </a:ext>
              </a:extLst>
            </p:cNvPr>
            <p:cNvSpPr txBox="1"/>
            <p:nvPr/>
          </p:nvSpPr>
          <p:spPr bwMode="auto">
            <a:xfrm>
              <a:off x="9268445" y="1877520"/>
              <a:ext cx="2363034" cy="47807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2000" b="1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Long haul</a:t>
              </a: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CF1F7934-1480-462F-BED5-5388449CFB16}"/>
                </a:ext>
              </a:extLst>
            </p:cNvPr>
            <p:cNvSpPr txBox="1"/>
            <p:nvPr/>
          </p:nvSpPr>
          <p:spPr bwMode="auto">
            <a:xfrm>
              <a:off x="8636858" y="3446318"/>
              <a:ext cx="984446" cy="338176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291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Split </a:t>
              </a:r>
            </a:p>
          </p:txBody>
        </p:sp>
        <p:grpSp>
          <p:nvGrpSpPr>
            <p:cNvPr id="33" name="Group 32">
              <a:extLst>
                <a:ext uri="{FF2B5EF4-FFF2-40B4-BE49-F238E27FC236}">
                  <a16:creationId xmlns:a16="http://schemas.microsoft.com/office/drawing/2014/main" id="{C274B81F-941D-42A3-B15F-695533847FB4}"/>
                </a:ext>
              </a:extLst>
            </p:cNvPr>
            <p:cNvGrpSpPr/>
            <p:nvPr/>
          </p:nvGrpSpPr>
          <p:grpSpPr>
            <a:xfrm>
              <a:off x="10352000" y="2417915"/>
              <a:ext cx="1031019" cy="410747"/>
              <a:chOff x="4447624" y="-5356565"/>
              <a:chExt cx="6301279" cy="4158642"/>
            </a:xfrm>
          </p:grpSpPr>
          <p:pic>
            <p:nvPicPr>
              <p:cNvPr id="34" name="Picture 33">
                <a:extLst>
                  <a:ext uri="{FF2B5EF4-FFF2-40B4-BE49-F238E27FC236}">
                    <a16:creationId xmlns:a16="http://schemas.microsoft.com/office/drawing/2014/main" id="{66380FFF-14EB-4085-B487-AD53EEBBDD0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3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4447624" y="-5356565"/>
                <a:ext cx="6301279" cy="4158642"/>
              </a:xfrm>
              <a:prstGeom prst="rect">
                <a:avLst/>
              </a:prstGeom>
            </p:spPr>
          </p:pic>
          <p:pic>
            <p:nvPicPr>
              <p:cNvPr id="35" name="Picture 34">
                <a:extLst>
                  <a:ext uri="{FF2B5EF4-FFF2-40B4-BE49-F238E27FC236}">
                    <a16:creationId xmlns:a16="http://schemas.microsoft.com/office/drawing/2014/main" id="{29D7F61C-833C-4D66-ACD5-89AE097B99BE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4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4637991" y="-2802629"/>
                <a:ext cx="5658261" cy="589281"/>
              </a:xfrm>
              <a:prstGeom prst="rect">
                <a:avLst/>
              </a:prstGeom>
            </p:spPr>
          </p:pic>
        </p:grp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1A4F422-7D06-42BB-A83E-98085E83FA1E}"/>
                </a:ext>
              </a:extLst>
            </p:cNvPr>
            <p:cNvSpPr txBox="1"/>
            <p:nvPr/>
          </p:nvSpPr>
          <p:spPr bwMode="auto">
            <a:xfrm>
              <a:off x="10208996" y="2846905"/>
              <a:ext cx="914400" cy="312738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251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Super compact</a:t>
              </a:r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02725A44-3508-4585-A2A8-37176FE3D90D}"/>
                </a:ext>
              </a:extLst>
            </p:cNvPr>
            <p:cNvSpPr txBox="1"/>
            <p:nvPr/>
          </p:nvSpPr>
          <p:spPr bwMode="auto">
            <a:xfrm>
              <a:off x="8636858" y="5799113"/>
              <a:ext cx="892508" cy="18288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252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Compact</a:t>
              </a:r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745B467B-FFCC-4B6D-97F3-C8D2E879913B}"/>
                </a:ext>
              </a:extLst>
            </p:cNvPr>
            <p:cNvSpPr txBox="1"/>
            <p:nvPr/>
          </p:nvSpPr>
          <p:spPr bwMode="auto">
            <a:xfrm>
              <a:off x="10219588" y="5799113"/>
              <a:ext cx="892508" cy="18288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262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Rack Mounted</a:t>
              </a:r>
            </a:p>
          </p:txBody>
        </p:sp>
        <p:sp>
          <p:nvSpPr>
            <p:cNvPr id="47" name="TextBox 46">
              <a:extLst>
                <a:ext uri="{FF2B5EF4-FFF2-40B4-BE49-F238E27FC236}">
                  <a16:creationId xmlns:a16="http://schemas.microsoft.com/office/drawing/2014/main" id="{8F487185-8A9E-4679-8680-8FDC7A6C05EC}"/>
                </a:ext>
              </a:extLst>
            </p:cNvPr>
            <p:cNvSpPr txBox="1"/>
            <p:nvPr/>
          </p:nvSpPr>
          <p:spPr bwMode="auto">
            <a:xfrm>
              <a:off x="9449970" y="2177245"/>
              <a:ext cx="1662126" cy="22557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4-13GHz</a:t>
              </a:r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9833D6B0-BEA2-4E5D-BA18-B19B036DABCE}"/>
              </a:ext>
            </a:extLst>
          </p:cNvPr>
          <p:cNvGrpSpPr/>
          <p:nvPr/>
        </p:nvGrpSpPr>
        <p:grpSpPr>
          <a:xfrm>
            <a:off x="10136492" y="1831799"/>
            <a:ext cx="1916542" cy="4405488"/>
            <a:chOff x="10136492" y="1831799"/>
            <a:chExt cx="1916542" cy="4405488"/>
          </a:xfrm>
        </p:grpSpPr>
        <p:sp>
          <p:nvSpPr>
            <p:cNvPr id="65" name="Rectangle 64">
              <a:extLst>
                <a:ext uri="{FF2B5EF4-FFF2-40B4-BE49-F238E27FC236}">
                  <a16:creationId xmlns:a16="http://schemas.microsoft.com/office/drawing/2014/main" id="{9627AFEF-677F-40E9-91B7-C86B17286A47}"/>
                </a:ext>
              </a:extLst>
            </p:cNvPr>
            <p:cNvSpPr/>
            <p:nvPr/>
          </p:nvSpPr>
          <p:spPr bwMode="auto">
            <a:xfrm>
              <a:off x="10136492" y="1831799"/>
              <a:ext cx="1576083" cy="4405488"/>
            </a:xfrm>
            <a:prstGeom prst="rect">
              <a:avLst/>
            </a:prstGeom>
            <a:solidFill>
              <a:schemeClr val="bg1"/>
            </a:solidFill>
            <a:ln w="31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432150B5-DFB8-4FAA-B5B9-44B95FA5ADFB}"/>
                </a:ext>
              </a:extLst>
            </p:cNvPr>
            <p:cNvSpPr txBox="1"/>
            <p:nvPr/>
          </p:nvSpPr>
          <p:spPr bwMode="auto">
            <a:xfrm>
              <a:off x="10202200" y="1883889"/>
              <a:ext cx="1850834" cy="473343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2000" b="1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Antennas</a:t>
              </a:r>
            </a:p>
          </p:txBody>
        </p:sp>
        <p:pic>
          <p:nvPicPr>
            <p:cNvPr id="69" name="Picture 2" descr="MINI_LINK_6363_rev2_30cm_Dualpol_Antenna_Review_Over_v03_04">
              <a:extLst>
                <a:ext uri="{FF2B5EF4-FFF2-40B4-BE49-F238E27FC236}">
                  <a16:creationId xmlns:a16="http://schemas.microsoft.com/office/drawing/2014/main" id="{3A130266-14DB-4B82-B665-1307C7592DE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0575089" y="2202497"/>
              <a:ext cx="756902" cy="67887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81" name="Picture 80">
              <a:extLst>
                <a:ext uri="{FF2B5EF4-FFF2-40B4-BE49-F238E27FC236}">
                  <a16:creationId xmlns:a16="http://schemas.microsoft.com/office/drawing/2014/main" id="{03CCE68F-8C28-4EE9-BCD0-472656FA19A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161896" y="3111807"/>
              <a:ext cx="1022367" cy="735431"/>
            </a:xfrm>
            <a:prstGeom prst="rect">
              <a:avLst/>
            </a:prstGeom>
          </p:spPr>
        </p:pic>
        <p:pic>
          <p:nvPicPr>
            <p:cNvPr id="82" name="Picture 81">
              <a:extLst>
                <a:ext uri="{FF2B5EF4-FFF2-40B4-BE49-F238E27FC236}">
                  <a16:creationId xmlns:a16="http://schemas.microsoft.com/office/drawing/2014/main" id="{EFBDB978-6B24-45D4-A74F-25BB8B497C6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38921" y="3129769"/>
              <a:ext cx="722855" cy="640611"/>
            </a:xfrm>
            <a:prstGeom prst="rect">
              <a:avLst/>
            </a:prstGeom>
          </p:spPr>
        </p:pic>
        <p:pic>
          <p:nvPicPr>
            <p:cNvPr id="75" name="Picture 74">
              <a:extLst>
                <a:ext uri="{FF2B5EF4-FFF2-40B4-BE49-F238E27FC236}">
                  <a16:creationId xmlns:a16="http://schemas.microsoft.com/office/drawing/2014/main" id="{F53DBA4E-404B-424E-9DA3-009ED2D4CAF8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0634154" y="4174260"/>
              <a:ext cx="508379" cy="508379"/>
            </a:xfrm>
            <a:prstGeom prst="rect">
              <a:avLst/>
            </a:prstGeom>
          </p:spPr>
        </p:pic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EEC775A1-29B2-47EF-8B75-73EB85AC945B}"/>
                </a:ext>
              </a:extLst>
            </p:cNvPr>
            <p:cNvSpPr txBox="1"/>
            <p:nvPr/>
          </p:nvSpPr>
          <p:spPr bwMode="auto">
            <a:xfrm>
              <a:off x="10469341" y="2881368"/>
              <a:ext cx="914400" cy="278275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Integrated</a:t>
              </a:r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29314DF6-3D2F-4B23-AF55-38F8D8289DA0}"/>
                </a:ext>
              </a:extLst>
            </p:cNvPr>
            <p:cNvSpPr txBox="1"/>
            <p:nvPr/>
          </p:nvSpPr>
          <p:spPr bwMode="auto">
            <a:xfrm>
              <a:off x="10520140" y="3931282"/>
              <a:ext cx="914400" cy="278275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Dual-band</a:t>
              </a:r>
              <a:endPara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E0DDA29E-84A5-4A34-8323-F118E41B6BCE}"/>
                </a:ext>
              </a:extLst>
            </p:cNvPr>
            <p:cNvSpPr txBox="1"/>
            <p:nvPr/>
          </p:nvSpPr>
          <p:spPr bwMode="auto">
            <a:xfrm>
              <a:off x="10486274" y="4656667"/>
              <a:ext cx="914400" cy="268502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Flat </a:t>
              </a:r>
              <a:r>
                <a:rPr kumimoji="0" lang="en-US" sz="12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panel</a:t>
              </a:r>
              <a:endPara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7BC1118E-9C7B-4E60-8A62-80D51A6422F4}"/>
                </a:ext>
              </a:extLst>
            </p:cNvPr>
            <p:cNvSpPr txBox="1"/>
            <p:nvPr/>
          </p:nvSpPr>
          <p:spPr bwMode="auto">
            <a:xfrm>
              <a:off x="10469339" y="5880071"/>
              <a:ext cx="914400" cy="278275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Large</a:t>
              </a:r>
              <a:endPara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pic>
          <p:nvPicPr>
            <p:cNvPr id="80" name="Picture 79">
              <a:extLst>
                <a:ext uri="{FF2B5EF4-FFF2-40B4-BE49-F238E27FC236}">
                  <a16:creationId xmlns:a16="http://schemas.microsoft.com/office/drawing/2014/main" id="{82CAF8F2-BF11-4375-830B-A8441FE059A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9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443501" y="5007999"/>
              <a:ext cx="915356" cy="872072"/>
            </a:xfrm>
            <a:prstGeom prst="rect">
              <a:avLst/>
            </a:prstGeom>
          </p:spPr>
        </p:pic>
      </p:grpSp>
      <p:pic>
        <p:nvPicPr>
          <p:cNvPr id="70" name="Bildobjekt 11">
            <a:extLst>
              <a:ext uri="{FF2B5EF4-FFF2-40B4-BE49-F238E27FC236}">
                <a16:creationId xmlns:a16="http://schemas.microsoft.com/office/drawing/2014/main" id="{CC19D667-95EE-4980-9537-32A417C5F6F8}"/>
              </a:ext>
            </a:extLst>
          </p:cNvPr>
          <p:cNvPicPr>
            <a:picLocks noChangeAspect="1"/>
          </p:cNvPicPr>
          <p:nvPr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386231" y="4205218"/>
            <a:ext cx="1033995" cy="1591807"/>
          </a:xfrm>
          <a:prstGeom prst="rect">
            <a:avLst/>
          </a:prstGeom>
        </p:spPr>
      </p:pic>
      <p:pic>
        <p:nvPicPr>
          <p:cNvPr id="71" name="Picture 70" descr="Calendar&#10;&#10;Description automatically generated">
            <a:extLst>
              <a:ext uri="{FF2B5EF4-FFF2-40B4-BE49-F238E27FC236}">
                <a16:creationId xmlns:a16="http://schemas.microsoft.com/office/drawing/2014/main" id="{2E88898B-5E1A-4C81-AFF9-FDE35D7D1ACE}"/>
              </a:ext>
            </a:extLst>
          </p:cNvPr>
          <p:cNvPicPr>
            <a:picLocks noChangeAspect="1"/>
          </p:cNvPicPr>
          <p:nvPr/>
        </p:nvPicPr>
        <p:blipFill rotWithShape="1"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888638" y="3102208"/>
            <a:ext cx="1119535" cy="2939363"/>
          </a:xfrm>
          <a:prstGeom prst="rect">
            <a:avLst/>
          </a:prstGeom>
        </p:spPr>
      </p:pic>
      <p:grpSp>
        <p:nvGrpSpPr>
          <p:cNvPr id="102" name="Group 101">
            <a:extLst>
              <a:ext uri="{FF2B5EF4-FFF2-40B4-BE49-F238E27FC236}">
                <a16:creationId xmlns:a16="http://schemas.microsoft.com/office/drawing/2014/main" id="{951161FA-EC02-458D-B100-FDEC2B573656}"/>
              </a:ext>
            </a:extLst>
          </p:cNvPr>
          <p:cNvGrpSpPr/>
          <p:nvPr/>
        </p:nvGrpSpPr>
        <p:grpSpPr>
          <a:xfrm>
            <a:off x="269568" y="1828800"/>
            <a:ext cx="4310517" cy="4446527"/>
            <a:chOff x="449124" y="1844675"/>
            <a:chExt cx="4254268" cy="4430652"/>
          </a:xfrm>
        </p:grpSpPr>
        <p:sp>
          <p:nvSpPr>
            <p:cNvPr id="103" name="Rectangle 102">
              <a:extLst>
                <a:ext uri="{FF2B5EF4-FFF2-40B4-BE49-F238E27FC236}">
                  <a16:creationId xmlns:a16="http://schemas.microsoft.com/office/drawing/2014/main" id="{C60D908C-5150-48D2-8122-2DCA03A7FDA9}"/>
                </a:ext>
              </a:extLst>
            </p:cNvPr>
            <p:cNvSpPr/>
            <p:nvPr/>
          </p:nvSpPr>
          <p:spPr bwMode="auto">
            <a:xfrm>
              <a:off x="646834" y="1844675"/>
              <a:ext cx="3885671" cy="4392613"/>
            </a:xfrm>
            <a:prstGeom prst="rect">
              <a:avLst/>
            </a:prstGeom>
            <a:solidFill>
              <a:schemeClr val="bg1"/>
            </a:solidFill>
            <a:ln w="31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55C5CC9-4976-4339-9427-9A193989C99F}"/>
                </a:ext>
              </a:extLst>
            </p:cNvPr>
            <p:cNvSpPr txBox="1"/>
            <p:nvPr/>
          </p:nvSpPr>
          <p:spPr bwMode="auto">
            <a:xfrm>
              <a:off x="1124241" y="1877520"/>
              <a:ext cx="1850834" cy="473343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2000" b="1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Split mount shorthaul</a:t>
              </a:r>
              <a:endPara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grpSp>
          <p:nvGrpSpPr>
            <p:cNvPr id="105" name="Group 104">
              <a:extLst>
                <a:ext uri="{FF2B5EF4-FFF2-40B4-BE49-F238E27FC236}">
                  <a16:creationId xmlns:a16="http://schemas.microsoft.com/office/drawing/2014/main" id="{FE505C35-2946-4B78-BD16-4D55D107C08C}"/>
                </a:ext>
              </a:extLst>
            </p:cNvPr>
            <p:cNvGrpSpPr/>
            <p:nvPr/>
          </p:nvGrpSpPr>
          <p:grpSpPr>
            <a:xfrm>
              <a:off x="923463" y="3363285"/>
              <a:ext cx="1901737" cy="640005"/>
              <a:chOff x="923463" y="3363285"/>
              <a:chExt cx="1901737" cy="640005"/>
            </a:xfrm>
          </p:grpSpPr>
          <p:pic>
            <p:nvPicPr>
              <p:cNvPr id="118" name="Picture 117">
                <a:extLst>
                  <a:ext uri="{FF2B5EF4-FFF2-40B4-BE49-F238E27FC236}">
                    <a16:creationId xmlns:a16="http://schemas.microsoft.com/office/drawing/2014/main" id="{439DB5BF-8C0F-47D5-BAED-70B8D9011784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2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1624244" y="3363285"/>
                <a:ext cx="1200956" cy="536499"/>
              </a:xfrm>
              <a:prstGeom prst="rect">
                <a:avLst/>
              </a:prstGeom>
            </p:spPr>
          </p:pic>
          <p:pic>
            <p:nvPicPr>
              <p:cNvPr id="119" name="Picture 118">
                <a:extLst>
                  <a:ext uri="{FF2B5EF4-FFF2-40B4-BE49-F238E27FC236}">
                    <a16:creationId xmlns:a16="http://schemas.microsoft.com/office/drawing/2014/main" id="{32AE8A57-BDA7-484B-9F56-01F95651D5D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3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923463" y="3556048"/>
                <a:ext cx="1200965" cy="447242"/>
              </a:xfrm>
              <a:prstGeom prst="rect">
                <a:avLst/>
              </a:prstGeom>
            </p:spPr>
          </p:pic>
        </p:grpSp>
        <p:sp>
          <p:nvSpPr>
            <p:cNvPr id="106" name="TextBox 105">
              <a:extLst>
                <a:ext uri="{FF2B5EF4-FFF2-40B4-BE49-F238E27FC236}">
                  <a16:creationId xmlns:a16="http://schemas.microsoft.com/office/drawing/2014/main" id="{2270627D-6534-4036-859F-A0431E5FB24E}"/>
                </a:ext>
              </a:extLst>
            </p:cNvPr>
            <p:cNvSpPr txBox="1"/>
            <p:nvPr/>
          </p:nvSpPr>
          <p:spPr bwMode="auto">
            <a:xfrm>
              <a:off x="735850" y="4012489"/>
              <a:ext cx="1662126" cy="22557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69x – </a:t>
              </a:r>
              <a:b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</a:b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odular nodes using plug-in cards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107" name="TextBox 106">
              <a:extLst>
                <a:ext uri="{FF2B5EF4-FFF2-40B4-BE49-F238E27FC236}">
                  <a16:creationId xmlns:a16="http://schemas.microsoft.com/office/drawing/2014/main" id="{11B08E61-3CD3-49FB-B998-6003A5EA1CAD}"/>
                </a:ext>
              </a:extLst>
            </p:cNvPr>
            <p:cNvSpPr txBox="1"/>
            <p:nvPr/>
          </p:nvSpPr>
          <p:spPr bwMode="auto">
            <a:xfrm>
              <a:off x="604306" y="5999270"/>
              <a:ext cx="914400" cy="276057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363</a:t>
              </a:r>
            </a:p>
          </p:txBody>
        </p:sp>
        <p:sp>
          <p:nvSpPr>
            <p:cNvPr id="108" name="TextBox 107">
              <a:extLst>
                <a:ext uri="{FF2B5EF4-FFF2-40B4-BE49-F238E27FC236}">
                  <a16:creationId xmlns:a16="http://schemas.microsoft.com/office/drawing/2014/main" id="{2FDE4FDF-934C-488A-9F6F-720D1EFB50BC}"/>
                </a:ext>
              </a:extLst>
            </p:cNvPr>
            <p:cNvSpPr txBox="1"/>
            <p:nvPr/>
          </p:nvSpPr>
          <p:spPr bwMode="auto">
            <a:xfrm>
              <a:off x="449124" y="4740786"/>
              <a:ext cx="1662126" cy="22557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High power radio</a:t>
              </a:r>
              <a:b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</a:br>
              <a:r>
                <a:rPr kumimoji="0" lang="cs-CZ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6</a:t>
              </a: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-42 &amp; 80 GHz</a:t>
              </a:r>
            </a:p>
          </p:txBody>
        </p:sp>
        <p:sp>
          <p:nvSpPr>
            <p:cNvPr id="109" name="TextBox 108">
              <a:extLst>
                <a:ext uri="{FF2B5EF4-FFF2-40B4-BE49-F238E27FC236}">
                  <a16:creationId xmlns:a16="http://schemas.microsoft.com/office/drawing/2014/main" id="{696049A3-16F5-4D53-BB93-EFC1BC51E246}"/>
                </a:ext>
              </a:extLst>
            </p:cNvPr>
            <p:cNvSpPr txBox="1"/>
            <p:nvPr/>
          </p:nvSpPr>
          <p:spPr bwMode="auto">
            <a:xfrm>
              <a:off x="3261198" y="5999270"/>
              <a:ext cx="914400" cy="276057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365</a:t>
              </a:r>
            </a:p>
          </p:txBody>
        </p:sp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D44F2B2A-B098-4857-B304-B14A1FCBB14A}"/>
                </a:ext>
              </a:extLst>
            </p:cNvPr>
            <p:cNvSpPr txBox="1"/>
            <p:nvPr/>
          </p:nvSpPr>
          <p:spPr bwMode="auto">
            <a:xfrm>
              <a:off x="3041266" y="4571883"/>
              <a:ext cx="1662126" cy="296186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Carrier aggregation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High Power radio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6-42 GHz </a:t>
              </a:r>
            </a:p>
          </p:txBody>
        </p:sp>
        <p:sp>
          <p:nvSpPr>
            <p:cNvPr id="111" name="TextBox 110">
              <a:extLst>
                <a:ext uri="{FF2B5EF4-FFF2-40B4-BE49-F238E27FC236}">
                  <a16:creationId xmlns:a16="http://schemas.microsoft.com/office/drawing/2014/main" id="{AD914D6D-E2F0-45D5-A997-3F10FF482F04}"/>
                </a:ext>
              </a:extLst>
            </p:cNvPr>
            <p:cNvSpPr txBox="1"/>
            <p:nvPr/>
          </p:nvSpPr>
          <p:spPr bwMode="auto">
            <a:xfrm>
              <a:off x="735853" y="2866385"/>
              <a:ext cx="1424467" cy="22597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65x – </a:t>
              </a:r>
              <a:b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</a:br>
              <a:r>
                <a:rPr kumimoji="0" lang="en-US" sz="13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Fixed and semi-modular nodes</a:t>
              </a:r>
            </a:p>
          </p:txBody>
        </p:sp>
        <p:pic>
          <p:nvPicPr>
            <p:cNvPr id="112" name="Picture 111">
              <a:extLst>
                <a:ext uri="{FF2B5EF4-FFF2-40B4-BE49-F238E27FC236}">
                  <a16:creationId xmlns:a16="http://schemas.microsoft.com/office/drawing/2014/main" id="{3CB5E338-E726-43B4-92D1-CC9770B55EC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4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345213" y="2287881"/>
              <a:ext cx="1456468" cy="615637"/>
            </a:xfrm>
            <a:prstGeom prst="rect">
              <a:avLst/>
            </a:prstGeom>
          </p:spPr>
        </p:pic>
        <p:pic>
          <p:nvPicPr>
            <p:cNvPr id="113" name="Picture 112">
              <a:extLst>
                <a:ext uri="{FF2B5EF4-FFF2-40B4-BE49-F238E27FC236}">
                  <a16:creationId xmlns:a16="http://schemas.microsoft.com/office/drawing/2014/main" id="{8227EA01-5906-4878-8048-078BFD78F37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93591" y="2188349"/>
              <a:ext cx="1103660" cy="456203"/>
            </a:xfrm>
            <a:prstGeom prst="rect">
              <a:avLst/>
            </a:prstGeom>
          </p:spPr>
        </p:pic>
        <p:pic>
          <p:nvPicPr>
            <p:cNvPr id="114" name="Picture 113">
              <a:extLst>
                <a:ext uri="{FF2B5EF4-FFF2-40B4-BE49-F238E27FC236}">
                  <a16:creationId xmlns:a16="http://schemas.microsoft.com/office/drawing/2014/main" id="{1764B015-2B42-40E3-8262-BB8455E2FF0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957123" y="2507704"/>
              <a:ext cx="1314198" cy="537246"/>
            </a:xfrm>
            <a:prstGeom prst="rect">
              <a:avLst/>
            </a:prstGeom>
          </p:spPr>
        </p:pic>
        <p:pic>
          <p:nvPicPr>
            <p:cNvPr id="115" name="Picture 114">
              <a:extLst>
                <a:ext uri="{FF2B5EF4-FFF2-40B4-BE49-F238E27FC236}">
                  <a16:creationId xmlns:a16="http://schemas.microsoft.com/office/drawing/2014/main" id="{E85CD53F-E747-4903-8D6B-587A088CCFF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865125" y="2387071"/>
              <a:ext cx="1148322" cy="406939"/>
            </a:xfrm>
            <a:prstGeom prst="rect">
              <a:avLst/>
            </a:prstGeom>
          </p:spPr>
        </p:pic>
        <p:pic>
          <p:nvPicPr>
            <p:cNvPr id="116" name="Picture 115">
              <a:extLst>
                <a:ext uri="{FF2B5EF4-FFF2-40B4-BE49-F238E27FC236}">
                  <a16:creationId xmlns:a16="http://schemas.microsoft.com/office/drawing/2014/main" id="{7C28AA3D-FC74-4EFA-97EB-D2103FC4B18F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8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250573" y="5340761"/>
              <a:ext cx="705850" cy="693178"/>
            </a:xfrm>
            <a:prstGeom prst="rect">
              <a:avLst/>
            </a:prstGeom>
          </p:spPr>
        </p:pic>
        <p:pic>
          <p:nvPicPr>
            <p:cNvPr id="117" name="Picture 116">
              <a:extLst>
                <a:ext uri="{FF2B5EF4-FFF2-40B4-BE49-F238E27FC236}">
                  <a16:creationId xmlns:a16="http://schemas.microsoft.com/office/drawing/2014/main" id="{F8EF79CE-0CF3-49FE-93B9-0DBC23FDD24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9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3464021" y="5159566"/>
              <a:ext cx="725175" cy="920177"/>
            </a:xfrm>
            <a:prstGeom prst="rect">
              <a:avLst/>
            </a:prstGeom>
          </p:spPr>
        </p:pic>
      </p:grpSp>
      <p:sp>
        <p:nvSpPr>
          <p:cNvPr id="122" name="TextBox 121">
            <a:extLst>
              <a:ext uri="{FF2B5EF4-FFF2-40B4-BE49-F238E27FC236}">
                <a16:creationId xmlns:a16="http://schemas.microsoft.com/office/drawing/2014/main" id="{1A15B64E-59CC-48C7-8262-FB8F5CBF14BF}"/>
              </a:ext>
            </a:extLst>
          </p:cNvPr>
          <p:cNvSpPr txBox="1"/>
          <p:nvPr/>
        </p:nvSpPr>
        <p:spPr bwMode="auto">
          <a:xfrm>
            <a:off x="1803071" y="5988936"/>
            <a:ext cx="914400" cy="277046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64</a:t>
            </a:r>
          </a:p>
        </p:txBody>
      </p:sp>
      <p:pic>
        <p:nvPicPr>
          <p:cNvPr id="123" name="Picture 122" descr="A picture containing white&#10;&#10;Description automatically generated">
            <a:extLst>
              <a:ext uri="{FF2B5EF4-FFF2-40B4-BE49-F238E27FC236}">
                <a16:creationId xmlns:a16="http://schemas.microsoft.com/office/drawing/2014/main" id="{4A9F1A95-D79A-4DE2-9D02-B042A19B28B7}"/>
              </a:ext>
            </a:extLst>
          </p:cNvPr>
          <p:cNvPicPr>
            <a:picLocks noChangeAspect="1"/>
          </p:cNvPicPr>
          <p:nvPr/>
        </p:nvPicPr>
        <p:blipFill>
          <a:blip r:embed="rId2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5722" y="5077486"/>
            <a:ext cx="1056722" cy="1056722"/>
          </a:xfrm>
          <a:prstGeom prst="rect">
            <a:avLst/>
          </a:prstGeom>
        </p:spPr>
      </p:pic>
      <p:sp>
        <p:nvSpPr>
          <p:cNvPr id="124" name="TextBox 123">
            <a:extLst>
              <a:ext uri="{FF2B5EF4-FFF2-40B4-BE49-F238E27FC236}">
                <a16:creationId xmlns:a16="http://schemas.microsoft.com/office/drawing/2014/main" id="{535C7C3E-DE6D-4CD7-9E6C-44B441B2148F}"/>
              </a:ext>
            </a:extLst>
          </p:cNvPr>
          <p:cNvSpPr txBox="1"/>
          <p:nvPr/>
        </p:nvSpPr>
        <p:spPr bwMode="auto">
          <a:xfrm>
            <a:off x="1592213" y="4565780"/>
            <a:ext cx="1662126" cy="297247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ub-band free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arrier aggregation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igh power radio</a:t>
            </a:r>
            <a:b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3, 15 &amp; 18 GHz</a:t>
            </a:r>
          </a:p>
        </p:txBody>
      </p:sp>
      <p:pic>
        <p:nvPicPr>
          <p:cNvPr id="132" name="Picture 131">
            <a:extLst>
              <a:ext uri="{FF2B5EF4-FFF2-40B4-BE49-F238E27FC236}">
                <a16:creationId xmlns:a16="http://schemas.microsoft.com/office/drawing/2014/main" id="{2738381F-AF18-4E44-834E-EEC73AE52295}"/>
              </a:ext>
            </a:extLst>
          </p:cNvPr>
          <p:cNvPicPr>
            <a:picLocks noChangeAspect="1"/>
          </p:cNvPicPr>
          <p:nvPr/>
        </p:nvPicPr>
        <p:blipFill rotWithShape="1">
          <a:blip r:embed="rId2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530561" y="3335163"/>
            <a:ext cx="1655131" cy="729765"/>
          </a:xfrm>
          <a:prstGeom prst="rect">
            <a:avLst/>
          </a:prstGeom>
        </p:spPr>
      </p:pic>
      <p:pic>
        <p:nvPicPr>
          <p:cNvPr id="127" name="Picture 126">
            <a:extLst>
              <a:ext uri="{FF2B5EF4-FFF2-40B4-BE49-F238E27FC236}">
                <a16:creationId xmlns:a16="http://schemas.microsoft.com/office/drawing/2014/main" id="{5892414C-7DE9-4993-A87A-0E892A868555}"/>
              </a:ext>
            </a:extLst>
          </p:cNvPr>
          <p:cNvPicPr>
            <a:picLocks noChangeAspect="1"/>
          </p:cNvPicPr>
          <p:nvPr/>
        </p:nvPicPr>
        <p:blipFill rotWithShape="1">
          <a:blip r:embed="rId2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879373" y="3711916"/>
            <a:ext cx="1395050" cy="476687"/>
          </a:xfrm>
          <a:prstGeom prst="rect">
            <a:avLst/>
          </a:prstGeom>
        </p:spPr>
      </p:pic>
      <p:pic>
        <p:nvPicPr>
          <p:cNvPr id="135" name="Picture 134">
            <a:extLst>
              <a:ext uri="{FF2B5EF4-FFF2-40B4-BE49-F238E27FC236}">
                <a16:creationId xmlns:a16="http://schemas.microsoft.com/office/drawing/2014/main" id="{BF892CCF-B1A2-4B5D-9EBB-2FEA374379B5}"/>
              </a:ext>
            </a:extLst>
          </p:cNvPr>
          <p:cNvPicPr>
            <a:picLocks noChangeAspect="1"/>
          </p:cNvPicPr>
          <p:nvPr/>
        </p:nvPicPr>
        <p:blipFill rotWithShape="1">
          <a:blip r:embed="rId2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211453" y="3076696"/>
            <a:ext cx="1226370" cy="389907"/>
          </a:xfrm>
          <a:prstGeom prst="rect">
            <a:avLst/>
          </a:prstGeom>
        </p:spPr>
      </p:pic>
      <p:pic>
        <p:nvPicPr>
          <p:cNvPr id="136" name="Picture 6">
            <a:extLst>
              <a:ext uri="{FF2B5EF4-FFF2-40B4-BE49-F238E27FC236}">
                <a16:creationId xmlns:a16="http://schemas.microsoft.com/office/drawing/2014/main" id="{8153B99D-180A-47E5-83F6-3DAEAB83151F}"/>
              </a:ext>
            </a:extLst>
          </p:cNvPr>
          <p:cNvPicPr>
            <a:picLocks noChangeAspect="1"/>
          </p:cNvPicPr>
          <p:nvPr/>
        </p:nvPicPr>
        <p:blipFill>
          <a:blip r:embed="rId2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264738" y="2182508"/>
            <a:ext cx="1055998" cy="1055998"/>
          </a:xfrm>
          <a:prstGeom prst="rect">
            <a:avLst/>
          </a:prstGeom>
        </p:spPr>
      </p:pic>
      <p:grpSp>
        <p:nvGrpSpPr>
          <p:cNvPr id="66" name="Group 65">
            <a:extLst>
              <a:ext uri="{FF2B5EF4-FFF2-40B4-BE49-F238E27FC236}">
                <a16:creationId xmlns:a16="http://schemas.microsoft.com/office/drawing/2014/main" id="{42F263DE-44F7-4AF0-96BA-B2E8D3F75D24}"/>
              </a:ext>
            </a:extLst>
          </p:cNvPr>
          <p:cNvGrpSpPr/>
          <p:nvPr/>
        </p:nvGrpSpPr>
        <p:grpSpPr>
          <a:xfrm>
            <a:off x="4440247" y="1831799"/>
            <a:ext cx="2511761" cy="4489864"/>
            <a:chOff x="4440247" y="1831799"/>
            <a:chExt cx="2511761" cy="4489864"/>
          </a:xfrm>
        </p:grpSpPr>
        <p:grpSp>
          <p:nvGrpSpPr>
            <p:cNvPr id="67" name="Group 66">
              <a:extLst>
                <a:ext uri="{FF2B5EF4-FFF2-40B4-BE49-F238E27FC236}">
                  <a16:creationId xmlns:a16="http://schemas.microsoft.com/office/drawing/2014/main" id="{FE72E4B7-37AB-45D3-98B7-3AAACA38F8BB}"/>
                </a:ext>
              </a:extLst>
            </p:cNvPr>
            <p:cNvGrpSpPr/>
            <p:nvPr/>
          </p:nvGrpSpPr>
          <p:grpSpPr>
            <a:xfrm>
              <a:off x="4440247" y="1831799"/>
              <a:ext cx="2511761" cy="4489864"/>
              <a:chOff x="4431375" y="1831799"/>
              <a:chExt cx="2571432" cy="4489864"/>
            </a:xfrm>
          </p:grpSpPr>
          <p:pic>
            <p:nvPicPr>
              <p:cNvPr id="86" name="Picture 85">
                <a:extLst>
                  <a:ext uri="{FF2B5EF4-FFF2-40B4-BE49-F238E27FC236}">
                    <a16:creationId xmlns:a16="http://schemas.microsoft.com/office/drawing/2014/main" id="{41A87476-2210-481D-A10C-C364FF34FF3C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25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4814857" y="2665659"/>
                <a:ext cx="1544466" cy="960876"/>
              </a:xfrm>
              <a:prstGeom prst="rect">
                <a:avLst/>
              </a:prstGeom>
            </p:spPr>
          </p:pic>
          <p:grpSp>
            <p:nvGrpSpPr>
              <p:cNvPr id="87" name="Group 86">
                <a:extLst>
                  <a:ext uri="{FF2B5EF4-FFF2-40B4-BE49-F238E27FC236}">
                    <a16:creationId xmlns:a16="http://schemas.microsoft.com/office/drawing/2014/main" id="{3B2C6B5D-6E09-4AAE-A30F-3B459C13AFEF}"/>
                  </a:ext>
                </a:extLst>
              </p:cNvPr>
              <p:cNvGrpSpPr/>
              <p:nvPr/>
            </p:nvGrpSpPr>
            <p:grpSpPr>
              <a:xfrm>
                <a:off x="4431375" y="1831799"/>
                <a:ext cx="2571432" cy="4489864"/>
                <a:chOff x="5091768" y="1831799"/>
                <a:chExt cx="2571432" cy="4489864"/>
              </a:xfrm>
            </p:grpSpPr>
            <p:sp>
              <p:nvSpPr>
                <p:cNvPr id="89" name="Rectangle 88">
                  <a:extLst>
                    <a:ext uri="{FF2B5EF4-FFF2-40B4-BE49-F238E27FC236}">
                      <a16:creationId xmlns:a16="http://schemas.microsoft.com/office/drawing/2014/main" id="{C264BD94-384A-4069-958E-770B6FFB6BB2}"/>
                    </a:ext>
                  </a:extLst>
                </p:cNvPr>
                <p:cNvSpPr/>
                <p:nvPr/>
              </p:nvSpPr>
              <p:spPr bwMode="auto">
                <a:xfrm>
                  <a:off x="5112810" y="1831799"/>
                  <a:ext cx="2550390" cy="4405488"/>
                </a:xfrm>
                <a:prstGeom prst="rect">
                  <a:avLst/>
                </a:prstGeom>
                <a:solidFill>
                  <a:schemeClr val="bg1"/>
                </a:solidFill>
                <a:ln w="3175" cap="flat" cmpd="sng" algn="ctr">
                  <a:solidFill>
                    <a:schemeClr val="tx1"/>
                  </a:solidFill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357188" marR="0" indent="-357188" algn="l" defTabSz="914400" rtl="0" eaLnBrk="1" fontAlgn="base" latinLnBrk="0" hangingPunct="1">
                    <a:lnSpc>
                      <a:spcPct val="100000"/>
                    </a:lnSpc>
                    <a:spcBef>
                      <a:spcPts val="300"/>
                    </a:spcBef>
                    <a:spcAft>
                      <a:spcPct val="0"/>
                    </a:spcAft>
                    <a:buClrTx/>
                    <a:buSzTx/>
                    <a:buFont typeface="Ericsson Hilda" panose="00000500000000000000" pitchFamily="2" charset="0"/>
                    <a:buChar char="—"/>
                    <a:tabLst/>
                  </a:pPr>
                  <a:endParaRPr kumimoji="0" lang="en-US" sz="20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+mn-lt"/>
                  </a:endParaRPr>
                </a:p>
              </p:txBody>
            </p:sp>
            <p:sp>
              <p:nvSpPr>
                <p:cNvPr id="90" name="TextBox 50">
                  <a:extLst>
                    <a:ext uri="{FF2B5EF4-FFF2-40B4-BE49-F238E27FC236}">
                      <a16:creationId xmlns:a16="http://schemas.microsoft.com/office/drawing/2014/main" id="{9A812E92-43EB-400C-AA6B-CEF979B471C4}"/>
                    </a:ext>
                  </a:extLst>
                </p:cNvPr>
                <p:cNvSpPr txBox="1">
                  <a:spLocks noChangeArrowheads="1"/>
                </p:cNvSpPr>
                <p:nvPr/>
              </p:nvSpPr>
              <p:spPr bwMode="auto">
                <a:xfrm>
                  <a:off x="6062286" y="5047207"/>
                  <a:ext cx="675185" cy="276999"/>
                </a:xfrm>
                <a:prstGeom prst="rect">
                  <a:avLst/>
                </a:prstGeom>
                <a:noFill/>
                <a:ln>
                  <a:noFill/>
                </a:ln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miter lim="800000"/>
                      <a:headEnd/>
                      <a:tailEnd/>
                    </a14:hiddenLine>
                  </a:ext>
                </a:extLst>
              </p:spPr>
              <p:txBody>
                <a:bodyPr wrap="none">
                  <a:spAutoFit/>
                </a:bodyPr>
                <a:lstStyle>
                  <a:lvl1pPr eaLnBrk="0" hangingPunct="0">
                    <a:defRPr>
                      <a:solidFill>
                        <a:schemeClr val="tx1"/>
                      </a:solidFill>
                      <a:latin typeface="Arial" charset="0"/>
                    </a:defRPr>
                  </a:lvl1pPr>
                  <a:lvl2pPr marL="742950" indent="-285750" eaLnBrk="0" hangingPunct="0">
                    <a:defRPr>
                      <a:solidFill>
                        <a:schemeClr val="tx1"/>
                      </a:solidFill>
                      <a:latin typeface="Arial" charset="0"/>
                    </a:defRPr>
                  </a:lvl2pPr>
                  <a:lvl3pPr marL="1143000" indent="-228600" eaLnBrk="0" hangingPunct="0">
                    <a:defRPr>
                      <a:solidFill>
                        <a:schemeClr val="tx1"/>
                      </a:solidFill>
                      <a:latin typeface="Arial" charset="0"/>
                    </a:defRPr>
                  </a:lvl3pPr>
                  <a:lvl4pPr marL="1600200" indent="-228600" eaLnBrk="0" hangingPunct="0">
                    <a:defRPr>
                      <a:solidFill>
                        <a:schemeClr val="tx1"/>
                      </a:solidFill>
                      <a:latin typeface="Arial" charset="0"/>
                    </a:defRPr>
                  </a:lvl4pPr>
                  <a:lvl5pPr marL="2057400" indent="-228600" eaLnBrk="0" hangingPunct="0">
                    <a:defRPr>
                      <a:solidFill>
                        <a:schemeClr val="tx1"/>
                      </a:solidFill>
                      <a:latin typeface="Arial" charset="0"/>
                    </a:defRPr>
                  </a:lvl5pPr>
                  <a:lvl6pPr marL="2514600" indent="-228600" algn="ctr" eaLnBrk="0" fontAlgn="base" hangingPunct="0">
                    <a:spcBef>
                      <a:spcPct val="0"/>
                    </a:spcBef>
                    <a:spcAft>
                      <a:spcPct val="0"/>
                    </a:spcAft>
                    <a:defRPr>
                      <a:solidFill>
                        <a:schemeClr val="tx1"/>
                      </a:solidFill>
                      <a:latin typeface="Arial" charset="0"/>
                    </a:defRPr>
                  </a:lvl6pPr>
                  <a:lvl7pPr marL="2971800" indent="-228600" algn="ctr" eaLnBrk="0" fontAlgn="base" hangingPunct="0">
                    <a:spcBef>
                      <a:spcPct val="0"/>
                    </a:spcBef>
                    <a:spcAft>
                      <a:spcPct val="0"/>
                    </a:spcAft>
                    <a:defRPr>
                      <a:solidFill>
                        <a:schemeClr val="tx1"/>
                      </a:solidFill>
                      <a:latin typeface="Arial" charset="0"/>
                    </a:defRPr>
                  </a:lvl7pPr>
                  <a:lvl8pPr marL="3429000" indent="-228600" algn="ctr" eaLnBrk="0" fontAlgn="base" hangingPunct="0">
                    <a:spcBef>
                      <a:spcPct val="0"/>
                    </a:spcBef>
                    <a:spcAft>
                      <a:spcPct val="0"/>
                    </a:spcAft>
                    <a:defRPr>
                      <a:solidFill>
                        <a:schemeClr val="tx1"/>
                      </a:solidFill>
                      <a:latin typeface="Arial" charset="0"/>
                    </a:defRPr>
                  </a:lvl8pPr>
                  <a:lvl9pPr marL="3886200" indent="-228600" algn="ctr" eaLnBrk="0" fontAlgn="base" hangingPunct="0">
                    <a:spcBef>
                      <a:spcPct val="0"/>
                    </a:spcBef>
                    <a:spcAft>
                      <a:spcPct val="0"/>
                    </a:spcAft>
                    <a:defRPr>
                      <a:solidFill>
                        <a:schemeClr val="tx1"/>
                      </a:solidFill>
                      <a:latin typeface="Arial" charset="0"/>
                    </a:defRPr>
                  </a:lvl9pPr>
                </a:lstStyle>
                <a:p>
                  <a:pPr marL="0" marR="0" lvl="0" indent="0" algn="l" defTabSz="914400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1200" i="0" u="none" strike="noStrike" kern="1200" cap="none" spc="0" normalizeH="0" baseline="0" noProof="0" dirty="0">
                      <a:ln>
                        <a:noFill/>
                      </a:ln>
                      <a:solidFill>
                        <a:srgbClr val="181818"/>
                      </a:solidFill>
                      <a:effectLst/>
                      <a:uLnTx/>
                      <a:uFillTx/>
                      <a:latin typeface="+mn-lt"/>
                      <a:ea typeface="+mn-ea"/>
                      <a:cs typeface="+mn-cs"/>
                    </a:rPr>
                    <a:t>80 GHz</a:t>
                  </a:r>
                </a:p>
              </p:txBody>
            </p:sp>
            <p:pic>
              <p:nvPicPr>
                <p:cNvPr id="91" name="Picture 90">
                  <a:extLst>
                    <a:ext uri="{FF2B5EF4-FFF2-40B4-BE49-F238E27FC236}">
                      <a16:creationId xmlns:a16="http://schemas.microsoft.com/office/drawing/2014/main" id="{0EC1635B-CDC6-4842-AA4A-0253C41AD4DC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26" cstate="email">
                  <a:extLst>
                    <a:ext uri="{28A0092B-C50C-407E-A947-70E740481C1C}">
                      <a14:useLocalDpi xmlns:a14="http://schemas.microsoft.com/office/drawing/2010/main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993005" y="5243013"/>
                  <a:ext cx="851664" cy="851664"/>
                </a:xfrm>
                <a:prstGeom prst="rect">
                  <a:avLst/>
                </a:prstGeom>
              </p:spPr>
            </p:pic>
            <p:sp>
              <p:nvSpPr>
                <p:cNvPr id="92" name="TextBox 91">
                  <a:extLst>
                    <a:ext uri="{FF2B5EF4-FFF2-40B4-BE49-F238E27FC236}">
                      <a16:creationId xmlns:a16="http://schemas.microsoft.com/office/drawing/2014/main" id="{83DA4822-1FC1-470D-9150-E61EC8682562}"/>
                    </a:ext>
                  </a:extLst>
                </p:cNvPr>
                <p:cNvSpPr txBox="1"/>
                <p:nvPr/>
              </p:nvSpPr>
              <p:spPr bwMode="auto">
                <a:xfrm>
                  <a:off x="5792398" y="6004853"/>
                  <a:ext cx="914400" cy="316810"/>
                </a:xfrm>
                <a:prstGeom prst="rect">
                  <a:avLst/>
                </a:prstGeom>
                <a:noFill/>
                <a:ln w="3175">
                  <a:noFill/>
                  <a:miter lim="800000"/>
                  <a:headEnd/>
                  <a:tailEnd/>
                </a:ln>
              </p:spPr>
              <p:txBody>
                <a:bodyPr vert="horz" wrap="none" lIns="72000" tIns="36000" rIns="73152" bIns="36576" numCol="1" rtlCol="0" anchor="t" anchorCtr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indent="0" algn="l">
                    <a:buClr>
                      <a:schemeClr val="tx1"/>
                    </a:buClr>
                    <a:buNone/>
                  </a:pPr>
                  <a:r>
                    <a:rPr lang="en-US" sz="1300" dirty="0"/>
                    <a:t>MINI-LINK 6352</a:t>
                  </a:r>
                </a:p>
              </p:txBody>
            </p:sp>
            <p:sp>
              <p:nvSpPr>
                <p:cNvPr id="93" name="TextBox 92">
                  <a:extLst>
                    <a:ext uri="{FF2B5EF4-FFF2-40B4-BE49-F238E27FC236}">
                      <a16:creationId xmlns:a16="http://schemas.microsoft.com/office/drawing/2014/main" id="{646FE125-7467-41D0-8D48-318D6D37029B}"/>
                    </a:ext>
                  </a:extLst>
                </p:cNvPr>
                <p:cNvSpPr txBox="1"/>
                <p:nvPr/>
              </p:nvSpPr>
              <p:spPr bwMode="auto">
                <a:xfrm>
                  <a:off x="5091768" y="1877520"/>
                  <a:ext cx="1850833" cy="473343"/>
                </a:xfrm>
                <a:prstGeom prst="rect">
                  <a:avLst/>
                </a:prstGeom>
                <a:noFill/>
                <a:ln w="3175">
                  <a:noFill/>
                  <a:miter lim="800000"/>
                  <a:headEnd/>
                  <a:tailEnd/>
                </a:ln>
              </p:spPr>
              <p:txBody>
                <a:bodyPr vert="horz" wrap="none" lIns="72000" tIns="36000" rIns="73152" bIns="36576" numCol="1" rtlCol="0" anchor="t" anchorCtr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lvl="0" indent="0" algn="l" defTabSz="914400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>
                      <a:srgbClr val="181818"/>
                    </a:buClr>
                    <a:buSzTx/>
                    <a:buFontTx/>
                    <a:buNone/>
                    <a:tabLst/>
                    <a:defRPr/>
                  </a:pPr>
                  <a:r>
                    <a:rPr lang="en-US" sz="2000" b="1" dirty="0">
                      <a:solidFill>
                        <a:srgbClr val="181818"/>
                      </a:solidFill>
                      <a:latin typeface="Ericsson Hilda"/>
                    </a:rPr>
                    <a:t>All outdoor shorthaul</a:t>
                  </a:r>
                  <a:endParaRPr kumimoji="0" lang="en-US" sz="2400" b="1" i="0" u="none" strike="noStrike" kern="1200" cap="none" spc="0" normalizeH="0" baseline="0" noProof="0" dirty="0">
                    <a:ln>
                      <a:noFill/>
                    </a:ln>
                    <a:solidFill>
                      <a:srgbClr val="181818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endParaRPr>
                </a:p>
              </p:txBody>
            </p:sp>
            <p:sp>
              <p:nvSpPr>
                <p:cNvPr id="94" name="TextBox 93">
                  <a:extLst>
                    <a:ext uri="{FF2B5EF4-FFF2-40B4-BE49-F238E27FC236}">
                      <a16:creationId xmlns:a16="http://schemas.microsoft.com/office/drawing/2014/main" id="{454D97D4-17D5-4146-A81E-F2041582FBBE}"/>
                    </a:ext>
                  </a:extLst>
                </p:cNvPr>
                <p:cNvSpPr txBox="1"/>
                <p:nvPr/>
              </p:nvSpPr>
              <p:spPr bwMode="auto">
                <a:xfrm>
                  <a:off x="5772784" y="4758121"/>
                  <a:ext cx="914400" cy="350620"/>
                </a:xfrm>
                <a:prstGeom prst="rect">
                  <a:avLst/>
                </a:prstGeom>
                <a:noFill/>
                <a:ln w="3175">
                  <a:noFill/>
                  <a:miter lim="800000"/>
                  <a:headEnd/>
                  <a:tailEnd/>
                </a:ln>
              </p:spPr>
              <p:txBody>
                <a:bodyPr vert="horz" wrap="none" lIns="72000" tIns="36000" rIns="73152" bIns="36576" numCol="1" rtlCol="0" anchor="t" anchorCtr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indent="0" algn="l">
                    <a:buClr>
                      <a:schemeClr val="tx1"/>
                    </a:buClr>
                    <a:buNone/>
                  </a:pPr>
                  <a:r>
                    <a:rPr lang="en-US" sz="1300" dirty="0"/>
                    <a:t>MINI-LINK 6366</a:t>
                  </a:r>
                </a:p>
              </p:txBody>
            </p:sp>
            <p:sp>
              <p:nvSpPr>
                <p:cNvPr id="95" name="TextBox 94">
                  <a:extLst>
                    <a:ext uri="{FF2B5EF4-FFF2-40B4-BE49-F238E27FC236}">
                      <a16:creationId xmlns:a16="http://schemas.microsoft.com/office/drawing/2014/main" id="{DB97A466-E004-4461-AE1B-688D317352A5}"/>
                    </a:ext>
                  </a:extLst>
                </p:cNvPr>
                <p:cNvSpPr txBox="1"/>
                <p:nvPr/>
              </p:nvSpPr>
              <p:spPr bwMode="auto">
                <a:xfrm>
                  <a:off x="5550163" y="2219048"/>
                  <a:ext cx="1662126" cy="225570"/>
                </a:xfrm>
                <a:prstGeom prst="rect">
                  <a:avLst/>
                </a:prstGeom>
                <a:noFill/>
                <a:ln w="3175">
                  <a:noFill/>
                  <a:miter lim="800000"/>
                  <a:headEnd/>
                  <a:tailEnd/>
                </a:ln>
              </p:spPr>
              <p:txBody>
                <a:bodyPr vert="horz" wrap="none" lIns="72000" tIns="36000" rIns="73152" bIns="36576" numCol="1" rtlCol="0" anchor="t" anchorCtr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indent="0" algn="ctr">
                    <a:buClr>
                      <a:schemeClr val="tx1"/>
                    </a:buClr>
                    <a:buNone/>
                  </a:pPr>
                  <a:r>
                    <a:rPr lang="cs-CZ" sz="1200" dirty="0"/>
                    <a:t>6</a:t>
                  </a:r>
                  <a:r>
                    <a:rPr lang="en-US" sz="1200" dirty="0"/>
                    <a:t>-42 &amp; 80GHz</a:t>
                  </a:r>
                </a:p>
              </p:txBody>
            </p:sp>
          </p:grpSp>
        </p:grpSp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F2D8082C-FBFD-4C76-AAC6-DFF83505FFF4}"/>
                </a:ext>
              </a:extLst>
            </p:cNvPr>
            <p:cNvSpPr txBox="1"/>
            <p:nvPr/>
          </p:nvSpPr>
          <p:spPr bwMode="auto">
            <a:xfrm>
              <a:off x="5077217" y="3297520"/>
              <a:ext cx="893181" cy="35062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indent="0" algn="l">
                <a:buClr>
                  <a:schemeClr val="tx1"/>
                </a:buClr>
                <a:buNone/>
              </a:pPr>
              <a:r>
                <a:rPr lang="en-US" sz="1300" dirty="0"/>
                <a:t>MINI-LINK 6371</a:t>
              </a:r>
            </a:p>
          </p:txBody>
        </p:sp>
        <p:sp>
          <p:nvSpPr>
            <p:cNvPr id="74" name="TextBox 73">
              <a:extLst>
                <a:ext uri="{FF2B5EF4-FFF2-40B4-BE49-F238E27FC236}">
                  <a16:creationId xmlns:a16="http://schemas.microsoft.com/office/drawing/2014/main" id="{06E7524A-C19E-4DF9-A5EE-D30697A95749}"/>
                </a:ext>
              </a:extLst>
            </p:cNvPr>
            <p:cNvSpPr txBox="1"/>
            <p:nvPr/>
          </p:nvSpPr>
          <p:spPr bwMode="auto">
            <a:xfrm>
              <a:off x="4865715" y="3732087"/>
              <a:ext cx="1623556" cy="225570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indent="0" algn="ctr">
                <a:buClr>
                  <a:schemeClr val="tx1"/>
                </a:buClr>
                <a:buNone/>
              </a:pPr>
              <a:r>
                <a:rPr lang="cs-CZ" sz="1200" dirty="0"/>
                <a:t>6</a:t>
              </a:r>
              <a:r>
                <a:rPr lang="en-US" sz="1200"/>
                <a:t>-42 </a:t>
              </a:r>
              <a:r>
                <a:rPr lang="en-US" sz="1200" dirty="0"/>
                <a:t>&amp; 80GHz</a:t>
              </a:r>
            </a:p>
          </p:txBody>
        </p:sp>
        <p:pic>
          <p:nvPicPr>
            <p:cNvPr id="84" name="Picture 83">
              <a:extLst>
                <a:ext uri="{FF2B5EF4-FFF2-40B4-BE49-F238E27FC236}">
                  <a16:creationId xmlns:a16="http://schemas.microsoft.com/office/drawing/2014/main" id="{F783FCFB-9A6A-4DF8-B93A-30E5E917FB5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851243" y="4026564"/>
              <a:ext cx="850601" cy="664302"/>
            </a:xfrm>
            <a:prstGeom prst="rect">
              <a:avLst/>
            </a:prstGeom>
          </p:spPr>
        </p:pic>
        <p:pic>
          <p:nvPicPr>
            <p:cNvPr id="85" name="Picture 84">
              <a:extLst>
                <a:ext uri="{FF2B5EF4-FFF2-40B4-BE49-F238E27FC236}">
                  <a16:creationId xmlns:a16="http://schemas.microsoft.com/office/drawing/2014/main" id="{34DF1E9B-B6F3-47AA-8D05-584A89FE54D1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8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4545209" y="3968787"/>
              <a:ext cx="1447359" cy="897197"/>
            </a:xfrm>
            <a:prstGeom prst="rect">
              <a:avLst/>
            </a:prstGeom>
          </p:spPr>
        </p:pic>
      </p:grpSp>
      <p:pic>
        <p:nvPicPr>
          <p:cNvPr id="72" name="Picture 71">
            <a:extLst>
              <a:ext uri="{FF2B5EF4-FFF2-40B4-BE49-F238E27FC236}">
                <a16:creationId xmlns:a16="http://schemas.microsoft.com/office/drawing/2014/main" id="{A9A409C3-4307-40C8-BA7F-49F678A76FB4}"/>
              </a:ext>
            </a:extLst>
          </p:cNvPr>
          <p:cNvPicPr>
            <a:picLocks noChangeAspect="1"/>
          </p:cNvPicPr>
          <p:nvPr/>
        </p:nvPicPr>
        <p:blipFill rotWithShape="1">
          <a:blip r:embed="rId2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679593" y="2501688"/>
            <a:ext cx="1152870" cy="844229"/>
          </a:xfrm>
          <a:prstGeom prst="rect">
            <a:avLst/>
          </a:prstGeom>
        </p:spPr>
      </p:pic>
      <p:pic>
        <p:nvPicPr>
          <p:cNvPr id="83" name="Picture 82" descr="A picture containing white&#10;&#10;Description automatically generated">
            <a:extLst>
              <a:ext uri="{FF2B5EF4-FFF2-40B4-BE49-F238E27FC236}">
                <a16:creationId xmlns:a16="http://schemas.microsoft.com/office/drawing/2014/main" id="{D2544805-1920-48DB-99CB-509F6105C4C5}"/>
              </a:ext>
            </a:extLst>
          </p:cNvPr>
          <p:cNvPicPr>
            <a:picLocks noChangeAspect="1"/>
          </p:cNvPicPr>
          <p:nvPr/>
        </p:nvPicPr>
        <p:blipFill rotWithShape="1">
          <a:blip r:embed="rId3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890923" y="2568505"/>
            <a:ext cx="843017" cy="65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42716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9377"/>
    </mc:Choice>
    <mc:Fallback xmlns="">
      <p:transition spd="slow" advTm="9377"/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6" name="Picture 35">
            <a:extLst>
              <a:ext uri="{FF2B5EF4-FFF2-40B4-BE49-F238E27FC236}">
                <a16:creationId xmlns:a16="http://schemas.microsoft.com/office/drawing/2014/main" id="{6F7C2C00-B3EC-423C-9EA3-0D33403E00B2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638277" y="1850325"/>
            <a:ext cx="4628115" cy="1158643"/>
          </a:xfrm>
          <a:prstGeom prst="rect">
            <a:avLst/>
          </a:prstGeom>
        </p:spPr>
      </p:pic>
      <p:sp>
        <p:nvSpPr>
          <p:cNvPr id="35" name="Rectangle 34">
            <a:extLst>
              <a:ext uri="{FF2B5EF4-FFF2-40B4-BE49-F238E27FC236}">
                <a16:creationId xmlns:a16="http://schemas.microsoft.com/office/drawing/2014/main" id="{EB9ECEFC-A813-4AD6-80FB-74FE1A46E10F}"/>
              </a:ext>
            </a:extLst>
          </p:cNvPr>
          <p:cNvSpPr/>
          <p:nvPr/>
        </p:nvSpPr>
        <p:spPr bwMode="auto">
          <a:xfrm>
            <a:off x="9120186" y="4160001"/>
            <a:ext cx="2612052" cy="2069037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1AA11B6-2207-43C5-8BF0-89A1936D5034}"/>
              </a:ext>
            </a:extLst>
          </p:cNvPr>
          <p:cNvSpPr/>
          <p:nvPr/>
        </p:nvSpPr>
        <p:spPr bwMode="auto">
          <a:xfrm>
            <a:off x="6264545" y="4160002"/>
            <a:ext cx="2612052" cy="2069037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D6CE7C7-CFBB-485A-917B-C85D171E8231}"/>
              </a:ext>
            </a:extLst>
          </p:cNvPr>
          <p:cNvSpPr/>
          <p:nvPr/>
        </p:nvSpPr>
        <p:spPr bwMode="auto">
          <a:xfrm>
            <a:off x="3365155" y="4149724"/>
            <a:ext cx="2612052" cy="2069037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00384F2-21EA-4186-AFEF-0746DC214288}"/>
              </a:ext>
            </a:extLst>
          </p:cNvPr>
          <p:cNvSpPr/>
          <p:nvPr/>
        </p:nvSpPr>
        <p:spPr bwMode="auto">
          <a:xfrm>
            <a:off x="479423" y="4149725"/>
            <a:ext cx="2652089" cy="2069037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" name="Title 2">
            <a:extLst>
              <a:ext uri="{FF2B5EF4-FFF2-40B4-BE49-F238E27FC236}">
                <a16:creationId xmlns:a16="http://schemas.microsoft.com/office/drawing/2014/main" id="{42C055E6-88BD-41A6-BBA1-DC1691BDB8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10895158" cy="1081088"/>
          </a:xfrm>
        </p:spPr>
        <p:txBody>
          <a:bodyPr/>
          <a:lstStyle/>
          <a:p>
            <a:r>
              <a:rPr lang="en-US" dirty="0"/>
              <a:t>MINI-LINK 6371</a:t>
            </a:r>
            <a:br>
              <a:rPr lang="en-US" dirty="0"/>
            </a:br>
            <a:r>
              <a:rPr lang="en-US" dirty="0" err="1"/>
              <a:t>Vysokokapacitní</a:t>
            </a:r>
            <a:r>
              <a:rPr lang="en-US" dirty="0"/>
              <a:t> </a:t>
            </a:r>
            <a:r>
              <a:rPr lang="en-US" dirty="0" err="1"/>
              <a:t>vnější</a:t>
            </a:r>
            <a:r>
              <a:rPr lang="en-US" dirty="0"/>
              <a:t> </a:t>
            </a:r>
            <a:r>
              <a:rPr lang="en-US" dirty="0" err="1"/>
              <a:t>jednotka</a:t>
            </a:r>
            <a:endParaRPr lang="en-US" dirty="0"/>
          </a:p>
        </p:txBody>
      </p:sp>
      <p:sp>
        <p:nvSpPr>
          <p:cNvPr id="3" name="Rectangle 1">
            <a:extLst>
              <a:ext uri="{FF2B5EF4-FFF2-40B4-BE49-F238E27FC236}">
                <a16:creationId xmlns:a16="http://schemas.microsoft.com/office/drawing/2014/main" id="{709EA192-C1FC-4162-A62A-A2E58C845D0C}"/>
              </a:ext>
            </a:extLst>
          </p:cNvPr>
          <p:cNvSpPr/>
          <p:nvPr/>
        </p:nvSpPr>
        <p:spPr bwMode="auto">
          <a:xfrm>
            <a:off x="479425" y="4203189"/>
            <a:ext cx="2428162" cy="2015569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sng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Hlavní</a:t>
            </a:r>
            <a:r>
              <a:rPr kumimoji="0" lang="en-US" sz="2000" b="0" i="0" u="sng" strike="noStrike" kern="1200" cap="none" spc="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 </a:t>
            </a:r>
            <a:r>
              <a:rPr kumimoji="0" lang="en-US" sz="2000" b="0" i="0" u="sng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parametry</a:t>
            </a:r>
            <a:endParaRPr kumimoji="0" lang="en-US" sz="2000" b="0" i="0" u="sng" strike="noStrike" kern="1200" cap="none" spc="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Ericsson Hilda Light" panose="020B0604020202020204" pitchFamily="34" charset="0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34 Gbps </a:t>
            </a:r>
            <a:r>
              <a:rPr kumimoji="0" lang="en-US" sz="1800" b="0" i="0" u="none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kapacita</a:t>
            </a:r>
            <a:r>
              <a:rPr kumimoji="0" lang="en-US" sz="1800" b="0" i="0" u="none" strike="noStrike" kern="1200" cap="none" spc="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 </a:t>
            </a:r>
            <a:r>
              <a:rPr kumimoji="0" lang="en-US" sz="1800" b="0" i="0" u="none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přepínače</a:t>
            </a:r>
            <a:endParaRPr kumimoji="0" lang="en-US" sz="1800" b="0" i="0" u="none" strike="noStrike" kern="1200" cap="none" spc="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Ericsson Hilda Light" panose="020B0604020202020204" pitchFamily="34" charset="0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112/224 MHz CS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Agregace</a:t>
            </a:r>
            <a:r>
              <a:rPr kumimoji="0" lang="en-US" sz="1800" b="0" i="0" u="none" strike="noStrike" kern="1200" cap="none" spc="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 </a:t>
            </a:r>
            <a:r>
              <a:rPr kumimoji="0" lang="en-US" sz="1800" b="0" i="0" u="none" strike="noStrike" kern="1200" cap="none" spc="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kanálů</a:t>
            </a:r>
            <a:endParaRPr kumimoji="0" lang="en-US" sz="1800" b="0" i="0" u="none" strike="noStrike" kern="1200" cap="none" spc="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Ericsson Hilda Light" panose="020B0604020202020204" pitchFamily="34" charset="0"/>
            </a:endParaRPr>
          </a:p>
        </p:txBody>
      </p:sp>
      <p:cxnSp>
        <p:nvCxnSpPr>
          <p:cNvPr id="4" name="Rak 6">
            <a:extLst>
              <a:ext uri="{FF2B5EF4-FFF2-40B4-BE49-F238E27FC236}">
                <a16:creationId xmlns:a16="http://schemas.microsoft.com/office/drawing/2014/main" id="{7EFEBF4A-D350-4059-9EBF-735FD604198B}"/>
              </a:ext>
            </a:extLst>
          </p:cNvPr>
          <p:cNvCxnSpPr>
            <a:cxnSpLocks/>
          </p:cNvCxnSpPr>
          <p:nvPr/>
        </p:nvCxnSpPr>
        <p:spPr bwMode="auto">
          <a:xfrm>
            <a:off x="479425" y="414972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5" name="Rak 24">
            <a:extLst>
              <a:ext uri="{FF2B5EF4-FFF2-40B4-BE49-F238E27FC236}">
                <a16:creationId xmlns:a16="http://schemas.microsoft.com/office/drawing/2014/main" id="{9588AA5C-EFC1-462D-AAC1-07A840BA72E5}"/>
              </a:ext>
            </a:extLst>
          </p:cNvPr>
          <p:cNvCxnSpPr/>
          <p:nvPr/>
        </p:nvCxnSpPr>
        <p:spPr bwMode="auto">
          <a:xfrm>
            <a:off x="6250886" y="414972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6" name="Rak 25">
            <a:extLst>
              <a:ext uri="{FF2B5EF4-FFF2-40B4-BE49-F238E27FC236}">
                <a16:creationId xmlns:a16="http://schemas.microsoft.com/office/drawing/2014/main" id="{89937337-64DD-4CC1-96DE-8AE5BDCC3F8E}"/>
              </a:ext>
            </a:extLst>
          </p:cNvPr>
          <p:cNvCxnSpPr/>
          <p:nvPr/>
        </p:nvCxnSpPr>
        <p:spPr bwMode="auto">
          <a:xfrm>
            <a:off x="9120187" y="414972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" name="Rectangle 1">
            <a:extLst>
              <a:ext uri="{FF2B5EF4-FFF2-40B4-BE49-F238E27FC236}">
                <a16:creationId xmlns:a16="http://schemas.microsoft.com/office/drawing/2014/main" id="{1001685C-C17C-4ECF-9452-B2337871ECF9}"/>
              </a:ext>
            </a:extLst>
          </p:cNvPr>
          <p:cNvSpPr/>
          <p:nvPr/>
        </p:nvSpPr>
        <p:spPr bwMode="auto">
          <a:xfrm>
            <a:off x="3359150" y="4230895"/>
            <a:ext cx="2219717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sng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L2 </a:t>
            </a:r>
            <a:r>
              <a:rPr kumimoji="0" lang="en-US" sz="2000" b="0" i="0" u="sng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funkcionalita</a:t>
            </a:r>
            <a:endParaRPr kumimoji="0" lang="en-US" sz="2000" b="0" i="0" u="sng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Ericsson Hilda Light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ustomer bridg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vider bridg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QoS, H-QOS</a:t>
            </a:r>
          </a:p>
        </p:txBody>
      </p:sp>
      <p:sp>
        <p:nvSpPr>
          <p:cNvPr id="8" name="Rectangle 1">
            <a:extLst>
              <a:ext uri="{FF2B5EF4-FFF2-40B4-BE49-F238E27FC236}">
                <a16:creationId xmlns:a16="http://schemas.microsoft.com/office/drawing/2014/main" id="{32763236-C6C8-4240-AC3F-59E78FE66EEE}"/>
              </a:ext>
            </a:extLst>
          </p:cNvPr>
          <p:cNvSpPr/>
          <p:nvPr/>
        </p:nvSpPr>
        <p:spPr bwMode="auto">
          <a:xfrm>
            <a:off x="6240063" y="4218382"/>
            <a:ext cx="2100436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sng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L3 </a:t>
            </a:r>
            <a:r>
              <a:rPr kumimoji="0" lang="en-US" sz="2000" b="0" i="0" u="sng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funkcionalita</a:t>
            </a:r>
            <a:endParaRPr kumimoji="0" lang="en-US" sz="2000" b="0" i="0" u="sng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Ericsson Hilda Light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3VP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amless MPL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outed DCN</a:t>
            </a:r>
          </a:p>
        </p:txBody>
      </p:sp>
      <p:sp>
        <p:nvSpPr>
          <p:cNvPr id="9" name="Rectangle 1">
            <a:extLst>
              <a:ext uri="{FF2B5EF4-FFF2-40B4-BE49-F238E27FC236}">
                <a16:creationId xmlns:a16="http://schemas.microsoft.com/office/drawing/2014/main" id="{75DFF7DD-9DF1-4B49-A0BD-885DA99F9FC7}"/>
              </a:ext>
            </a:extLst>
          </p:cNvPr>
          <p:cNvSpPr/>
          <p:nvPr/>
        </p:nvSpPr>
        <p:spPr bwMode="auto">
          <a:xfrm>
            <a:off x="9100523" y="4224916"/>
            <a:ext cx="2432708" cy="1854869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sng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Multiband boost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ierarchical radio link bonding (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RLB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kern="1200" spc="0" dirty="0" err="1">
                <a:solidFill>
                  <a:srgbClr val="181818"/>
                </a:solidFill>
                <a:latin typeface="Ericsson Hilda"/>
              </a:rPr>
              <a:t>Až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0 Gbit/s</a:t>
            </a:r>
          </a:p>
        </p:txBody>
      </p:sp>
      <p:cxnSp>
        <p:nvCxnSpPr>
          <p:cNvPr id="10" name="Rak 30">
            <a:extLst>
              <a:ext uri="{FF2B5EF4-FFF2-40B4-BE49-F238E27FC236}">
                <a16:creationId xmlns:a16="http://schemas.microsoft.com/office/drawing/2014/main" id="{59798A08-1E28-47D2-9176-B172292D0045}"/>
              </a:ext>
            </a:extLst>
          </p:cNvPr>
          <p:cNvCxnSpPr/>
          <p:nvPr/>
        </p:nvCxnSpPr>
        <p:spPr bwMode="auto">
          <a:xfrm>
            <a:off x="479425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1" name="Rak 31">
            <a:extLst>
              <a:ext uri="{FF2B5EF4-FFF2-40B4-BE49-F238E27FC236}">
                <a16:creationId xmlns:a16="http://schemas.microsoft.com/office/drawing/2014/main" id="{A377EFE8-E1EC-43E4-B819-4DF95A9DAF3F}"/>
              </a:ext>
            </a:extLst>
          </p:cNvPr>
          <p:cNvCxnSpPr/>
          <p:nvPr/>
        </p:nvCxnSpPr>
        <p:spPr bwMode="auto">
          <a:xfrm>
            <a:off x="3359150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2" name="Rak 32">
            <a:extLst>
              <a:ext uri="{FF2B5EF4-FFF2-40B4-BE49-F238E27FC236}">
                <a16:creationId xmlns:a16="http://schemas.microsoft.com/office/drawing/2014/main" id="{5092322C-27A5-4FB8-B460-9D36A57015BB}"/>
              </a:ext>
            </a:extLst>
          </p:cNvPr>
          <p:cNvCxnSpPr/>
          <p:nvPr/>
        </p:nvCxnSpPr>
        <p:spPr bwMode="auto">
          <a:xfrm>
            <a:off x="6240461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3" name="Rak 33">
            <a:extLst>
              <a:ext uri="{FF2B5EF4-FFF2-40B4-BE49-F238E27FC236}">
                <a16:creationId xmlns:a16="http://schemas.microsoft.com/office/drawing/2014/main" id="{E0FFB672-1036-4FB2-90D9-ADACF7FFCDF8}"/>
              </a:ext>
            </a:extLst>
          </p:cNvPr>
          <p:cNvCxnSpPr/>
          <p:nvPr/>
        </p:nvCxnSpPr>
        <p:spPr bwMode="auto">
          <a:xfrm>
            <a:off x="9120187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14" name="Rectangle 1">
            <a:extLst>
              <a:ext uri="{FF2B5EF4-FFF2-40B4-BE49-F238E27FC236}">
                <a16:creationId xmlns:a16="http://schemas.microsoft.com/office/drawing/2014/main" id="{F9516648-DB91-4B34-906A-E6428F1EEEC9}"/>
              </a:ext>
            </a:extLst>
          </p:cNvPr>
          <p:cNvSpPr/>
          <p:nvPr/>
        </p:nvSpPr>
        <p:spPr bwMode="auto">
          <a:xfrm>
            <a:off x="3396839" y="3184828"/>
            <a:ext cx="847803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Ericsson Hilda Light" panose="020B0604020202020204" pitchFamily="34" charset="0"/>
              </a:rPr>
              <a:t>Power</a:t>
            </a:r>
          </a:p>
        </p:txBody>
      </p:sp>
      <p:sp>
        <p:nvSpPr>
          <p:cNvPr id="15" name="Rectangle 1">
            <a:extLst>
              <a:ext uri="{FF2B5EF4-FFF2-40B4-BE49-F238E27FC236}">
                <a16:creationId xmlns:a16="http://schemas.microsoft.com/office/drawing/2014/main" id="{36DA25F5-0835-4BDA-BD11-22EF9164D047}"/>
              </a:ext>
            </a:extLst>
          </p:cNvPr>
          <p:cNvSpPr/>
          <p:nvPr/>
        </p:nvSpPr>
        <p:spPr bwMode="auto">
          <a:xfrm>
            <a:off x="3351214" y="3412464"/>
            <a:ext cx="1822005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marR="0" lvl="1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 x RJ 45 </a:t>
            </a:r>
          </a:p>
          <a:p>
            <a:pPr marL="183600" marR="0" lvl="1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00/1000 Base-T</a:t>
            </a:r>
          </a:p>
        </p:txBody>
      </p:sp>
      <p:sp>
        <p:nvSpPr>
          <p:cNvPr id="16" name="Rectangle 1">
            <a:extLst>
              <a:ext uri="{FF2B5EF4-FFF2-40B4-BE49-F238E27FC236}">
                <a16:creationId xmlns:a16="http://schemas.microsoft.com/office/drawing/2014/main" id="{16EDE145-52CC-4265-9509-886F2E0D9F6F}"/>
              </a:ext>
            </a:extLst>
          </p:cNvPr>
          <p:cNvSpPr/>
          <p:nvPr/>
        </p:nvSpPr>
        <p:spPr bwMode="auto">
          <a:xfrm>
            <a:off x="4939382" y="3526568"/>
            <a:ext cx="1736330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3 x SFP/SFP+</a:t>
            </a:r>
            <a:b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G/10G</a:t>
            </a:r>
          </a:p>
        </p:txBody>
      </p:sp>
      <p:cxnSp>
        <p:nvCxnSpPr>
          <p:cNvPr id="19" name="Rak 31">
            <a:extLst>
              <a:ext uri="{FF2B5EF4-FFF2-40B4-BE49-F238E27FC236}">
                <a16:creationId xmlns:a16="http://schemas.microsoft.com/office/drawing/2014/main" id="{79CE70D5-00FC-48A5-BF17-8CA59BD7F23E}"/>
              </a:ext>
            </a:extLst>
          </p:cNvPr>
          <p:cNvCxnSpPr/>
          <p:nvPr/>
        </p:nvCxnSpPr>
        <p:spPr bwMode="auto">
          <a:xfrm>
            <a:off x="3359947" y="414972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4" name="Rak 6">
            <a:extLst>
              <a:ext uri="{FF2B5EF4-FFF2-40B4-BE49-F238E27FC236}">
                <a16:creationId xmlns:a16="http://schemas.microsoft.com/office/drawing/2014/main" id="{CCC900D2-B491-4A15-93DD-A32A3EFA6F39}"/>
              </a:ext>
            </a:extLst>
          </p:cNvPr>
          <p:cNvCxnSpPr>
            <a:cxnSpLocks/>
          </p:cNvCxnSpPr>
          <p:nvPr/>
        </p:nvCxnSpPr>
        <p:spPr bwMode="auto">
          <a:xfrm flipV="1">
            <a:off x="3944289" y="2425994"/>
            <a:ext cx="523188" cy="790571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6" name="Rak 6">
            <a:extLst>
              <a:ext uri="{FF2B5EF4-FFF2-40B4-BE49-F238E27FC236}">
                <a16:creationId xmlns:a16="http://schemas.microsoft.com/office/drawing/2014/main" id="{AEBED934-31A2-4339-9B87-1ADF4813A2B0}"/>
              </a:ext>
            </a:extLst>
          </p:cNvPr>
          <p:cNvCxnSpPr>
            <a:cxnSpLocks/>
          </p:cNvCxnSpPr>
          <p:nvPr/>
        </p:nvCxnSpPr>
        <p:spPr bwMode="auto">
          <a:xfrm flipV="1">
            <a:off x="4777009" y="2407902"/>
            <a:ext cx="0" cy="974686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7" name="Rak 6">
            <a:extLst>
              <a:ext uri="{FF2B5EF4-FFF2-40B4-BE49-F238E27FC236}">
                <a16:creationId xmlns:a16="http://schemas.microsoft.com/office/drawing/2014/main" id="{57A0B410-A6D4-4917-818D-FF48C5CF5528}"/>
              </a:ext>
            </a:extLst>
          </p:cNvPr>
          <p:cNvCxnSpPr>
            <a:cxnSpLocks/>
          </p:cNvCxnSpPr>
          <p:nvPr/>
        </p:nvCxnSpPr>
        <p:spPr bwMode="auto">
          <a:xfrm flipV="1">
            <a:off x="5447318" y="2394027"/>
            <a:ext cx="0" cy="1131828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8" name="Rak 6">
            <a:extLst>
              <a:ext uri="{FF2B5EF4-FFF2-40B4-BE49-F238E27FC236}">
                <a16:creationId xmlns:a16="http://schemas.microsoft.com/office/drawing/2014/main" id="{4547DC41-4C7E-4F1B-965A-76FA322C2E49}"/>
              </a:ext>
            </a:extLst>
          </p:cNvPr>
          <p:cNvCxnSpPr>
            <a:cxnSpLocks/>
          </p:cNvCxnSpPr>
          <p:nvPr/>
        </p:nvCxnSpPr>
        <p:spPr bwMode="auto">
          <a:xfrm flipV="1">
            <a:off x="6917002" y="2207339"/>
            <a:ext cx="0" cy="1375015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30" name="Rectangle 1">
            <a:extLst>
              <a:ext uri="{FF2B5EF4-FFF2-40B4-BE49-F238E27FC236}">
                <a16:creationId xmlns:a16="http://schemas.microsoft.com/office/drawing/2014/main" id="{48277817-689A-4BD4-B957-47EDFE3B7559}"/>
              </a:ext>
            </a:extLst>
          </p:cNvPr>
          <p:cNvSpPr/>
          <p:nvPr/>
        </p:nvSpPr>
        <p:spPr bwMode="auto">
          <a:xfrm>
            <a:off x="6215575" y="3626756"/>
            <a:ext cx="1271853" cy="321202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adio i/f</a:t>
            </a:r>
          </a:p>
        </p:txBody>
      </p:sp>
      <p:sp>
        <p:nvSpPr>
          <p:cNvPr id="32" name="textruta 41">
            <a:extLst>
              <a:ext uri="{FF2B5EF4-FFF2-40B4-BE49-F238E27FC236}">
                <a16:creationId xmlns:a16="http://schemas.microsoft.com/office/drawing/2014/main" id="{4C454381-0157-45F4-B01E-62DC4A4B76F0}"/>
              </a:ext>
            </a:extLst>
          </p:cNvPr>
          <p:cNvSpPr txBox="1"/>
          <p:nvPr/>
        </p:nvSpPr>
        <p:spPr>
          <a:xfrm>
            <a:off x="9817684" y="778213"/>
            <a:ext cx="1086877" cy="29110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ts val="14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Arial" pitchFamily="34" charset="0"/>
              </a:rPr>
              <a:t>M20.Q3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22" name="Picture 21" descr="A picture containing appliance, light&#10;&#10;Description automatically generated">
            <a:extLst>
              <a:ext uri="{FF2B5EF4-FFF2-40B4-BE49-F238E27FC236}">
                <a16:creationId xmlns:a16="http://schemas.microsoft.com/office/drawing/2014/main" id="{81B30782-DB49-40C4-B67C-65EB1AD68A6E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51186" y="1843591"/>
            <a:ext cx="1971450" cy="1995634"/>
          </a:xfrm>
          <a:prstGeom prst="rect">
            <a:avLst/>
          </a:prstGeom>
        </p:spPr>
      </p:pic>
      <p:pic>
        <p:nvPicPr>
          <p:cNvPr id="44" name="Picture 43" descr="A picture containing light&#10;&#10;Description automatically generated">
            <a:extLst>
              <a:ext uri="{FF2B5EF4-FFF2-40B4-BE49-F238E27FC236}">
                <a16:creationId xmlns:a16="http://schemas.microsoft.com/office/drawing/2014/main" id="{AA482551-8661-4023-B333-6C3606169C31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221378" y="1867448"/>
            <a:ext cx="2476635" cy="18568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63155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ctangle 16">
            <a:extLst>
              <a:ext uri="{FF2B5EF4-FFF2-40B4-BE49-F238E27FC236}">
                <a16:creationId xmlns:a16="http://schemas.microsoft.com/office/drawing/2014/main" id="{43DA5265-7B2A-4287-9D13-76751564D38D}"/>
              </a:ext>
            </a:extLst>
          </p:cNvPr>
          <p:cNvSpPr/>
          <p:nvPr/>
        </p:nvSpPr>
        <p:spPr bwMode="auto">
          <a:xfrm>
            <a:off x="479297" y="2701524"/>
            <a:ext cx="2592261" cy="3529012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AB400FC1-3EBA-41C4-9CB7-E2B938DD64B6}"/>
              </a:ext>
            </a:extLst>
          </p:cNvPr>
          <p:cNvSpPr/>
          <p:nvPr/>
        </p:nvSpPr>
        <p:spPr bwMode="auto">
          <a:xfrm>
            <a:off x="9120315" y="2708276"/>
            <a:ext cx="2592261" cy="3529012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E18D5671-D1D7-489D-A36D-77488A8C951C}"/>
              </a:ext>
            </a:extLst>
          </p:cNvPr>
          <p:cNvSpPr/>
          <p:nvPr/>
        </p:nvSpPr>
        <p:spPr bwMode="auto">
          <a:xfrm>
            <a:off x="3359150" y="4908304"/>
            <a:ext cx="5473703" cy="1328983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CF4E8AA-EF38-40C9-B045-1C9056029D9F}"/>
              </a:ext>
            </a:extLst>
          </p:cNvPr>
          <p:cNvSpPr/>
          <p:nvPr/>
        </p:nvSpPr>
        <p:spPr bwMode="auto">
          <a:xfrm>
            <a:off x="3359149" y="2708275"/>
            <a:ext cx="5473703" cy="2091629"/>
          </a:xfrm>
          <a:prstGeom prst="rect">
            <a:avLst/>
          </a:prstGeom>
          <a:solidFill>
            <a:schemeClr val="bg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49ECE70-6F9B-4734-BE75-AEDC50058D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MINI-LINK 6371 </a:t>
            </a:r>
            <a:b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</a:br>
            <a:r>
              <a:rPr lang="en-US" dirty="0" err="1"/>
              <a:t>Vysokokapacitní</a:t>
            </a:r>
            <a:r>
              <a:rPr lang="en-US" dirty="0"/>
              <a:t> </a:t>
            </a:r>
            <a:r>
              <a:rPr lang="en-US" dirty="0" err="1"/>
              <a:t>vnější</a:t>
            </a:r>
            <a:r>
              <a:rPr lang="en-US" dirty="0"/>
              <a:t> </a:t>
            </a:r>
            <a:r>
              <a:rPr lang="en-US" dirty="0" err="1"/>
              <a:t>jednotka</a:t>
            </a:r>
            <a:endParaRPr lang="en-US" dirty="0"/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38706CB1-7328-4EC0-8A23-B5C858606218}"/>
              </a:ext>
            </a:extLst>
          </p:cNvPr>
          <p:cNvSpPr txBox="1">
            <a:spLocks/>
          </p:cNvSpPr>
          <p:nvPr/>
        </p:nvSpPr>
        <p:spPr>
          <a:xfrm>
            <a:off x="561300" y="3124822"/>
            <a:ext cx="2428254" cy="2382123"/>
          </a:xfrm>
        </p:spPr>
        <p:txBody>
          <a:bodyPr>
            <a:normAutofit/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kumimoji="0" lang="en-US" sz="3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ysoko</a:t>
            </a:r>
            <a:r>
              <a:rPr kumimoji="0" lang="en-US" sz="3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3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pacitní</a:t>
            </a:r>
            <a:r>
              <a:rPr kumimoji="0" lang="en-US" sz="3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3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nější</a:t>
            </a:r>
            <a:r>
              <a:rPr kumimoji="0" lang="en-US" sz="3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3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jednotka</a:t>
            </a:r>
            <a:endParaRPr kumimoji="0" lang="en-US" sz="3600" b="0" i="0" u="none" strike="noStrike" kern="1000" cap="none" spc="-3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3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8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8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ctr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8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74738177-B5F8-48F4-BFF9-B3FD602C7D13}"/>
              </a:ext>
            </a:extLst>
          </p:cNvPr>
          <p:cNvSpPr txBox="1">
            <a:spLocks/>
          </p:cNvSpPr>
          <p:nvPr/>
        </p:nvSpPr>
        <p:spPr bwMode="auto">
          <a:xfrm>
            <a:off x="9051588" y="1677348"/>
            <a:ext cx="1327987" cy="33465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  <a:normAutofit/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SzTx/>
              <a:buFont typeface="Arial" charset="0"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71</a:t>
            </a:r>
          </a:p>
          <a:p>
            <a:pPr marL="533400" marR="0" lvl="1" indent="-17780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181818"/>
              </a:buClr>
              <a:buSzTx/>
              <a:buFont typeface="Ericsson Capital TT" pitchFamily="2" charset="0"/>
              <a:buChar char="–"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533400" marR="0" lvl="1" indent="-17780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181818"/>
              </a:buClr>
              <a:buSzTx/>
              <a:buFont typeface="Ericsson Capital TT" pitchFamily="2" charset="0"/>
              <a:buChar char="–"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76213" marR="0" lvl="0" indent="-176213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SzTx/>
              <a:buFont typeface="Arial" charset="0"/>
              <a:buChar char="›"/>
              <a:tabLst/>
              <a:defRPr/>
            </a:pPr>
            <a:endParaRPr kumimoji="0" lang="en-US" sz="24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76213" marR="0" lvl="0" indent="-176213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SzTx/>
              <a:buFont typeface="Arial" charset="0"/>
              <a:buChar char="›"/>
              <a:tabLst/>
              <a:defRPr/>
            </a:pPr>
            <a:endParaRPr kumimoji="0" lang="en-US" sz="24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76213" marR="0" lvl="0" indent="-176213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SzTx/>
              <a:buFont typeface="Arial" charset="0"/>
              <a:buChar char="›"/>
              <a:tabLst/>
              <a:defRPr/>
            </a:pPr>
            <a:endParaRPr kumimoji="0" lang="en-US" sz="2400" b="0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ruta 41">
            <a:extLst>
              <a:ext uri="{FF2B5EF4-FFF2-40B4-BE49-F238E27FC236}">
                <a16:creationId xmlns:a16="http://schemas.microsoft.com/office/drawing/2014/main" id="{C24F052B-EE39-4A2D-B713-9D5E45F80708}"/>
              </a:ext>
            </a:extLst>
          </p:cNvPr>
          <p:cNvSpPr txBox="1"/>
          <p:nvPr/>
        </p:nvSpPr>
        <p:spPr>
          <a:xfrm>
            <a:off x="9817684" y="778213"/>
            <a:ext cx="1086877" cy="29110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ts val="14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Arial" pitchFamily="34" charset="0"/>
              </a:rPr>
              <a:t>M19.Q1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58585A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Content Placeholder 1">
            <a:extLst>
              <a:ext uri="{FF2B5EF4-FFF2-40B4-BE49-F238E27FC236}">
                <a16:creationId xmlns:a16="http://schemas.microsoft.com/office/drawing/2014/main" id="{13CF0AB0-EEBF-4891-8132-46B61FC0CEEB}"/>
              </a:ext>
            </a:extLst>
          </p:cNvPr>
          <p:cNvSpPr txBox="1">
            <a:spLocks/>
          </p:cNvSpPr>
          <p:nvPr/>
        </p:nvSpPr>
        <p:spPr>
          <a:xfrm>
            <a:off x="3071559" y="2782622"/>
            <a:ext cx="5637040" cy="2039647"/>
          </a:xfrm>
        </p:spPr>
        <p:txBody>
          <a:bodyPr>
            <a:normAutofit fontScale="92500" lnSpcReduction="10000"/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369888" marR="0" lvl="1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nější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radio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vá</a:t>
            </a:r>
            <a:r>
              <a:rPr lang="en-US" sz="16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jednotka</a:t>
            </a: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+0/1+1/2+0/XPIC /2x(1+0)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odpora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šířky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nálů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7-224MHz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ž</a:t>
            </a:r>
            <a:r>
              <a:rPr lang="en-US" sz="16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8k QAM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dulace</a:t>
            </a: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pacita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+0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adiové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inky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ž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.4Gbps 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ve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12 MHz 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kanále</a:t>
            </a: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pacita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2+0 XPIC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adiové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inky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ž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2.5Gbps 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ve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12 MHz </a:t>
            </a: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kanále</a:t>
            </a: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1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gregace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o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pacity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0GBit/s (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RLB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)</a:t>
            </a: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Content Placeholder 1">
            <a:extLst>
              <a:ext uri="{FF2B5EF4-FFF2-40B4-BE49-F238E27FC236}">
                <a16:creationId xmlns:a16="http://schemas.microsoft.com/office/drawing/2014/main" id="{96BCD2EF-5B1F-41CA-8BBA-00AF5F694C89}"/>
              </a:ext>
            </a:extLst>
          </p:cNvPr>
          <p:cNvSpPr txBox="1">
            <a:spLocks/>
          </p:cNvSpPr>
          <p:nvPr/>
        </p:nvSpPr>
        <p:spPr>
          <a:xfrm>
            <a:off x="2989619" y="5007730"/>
            <a:ext cx="5637040" cy="1406770"/>
          </a:xfrm>
        </p:spPr>
        <p:txBody>
          <a:bodyPr>
            <a:normAutofit/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estavěný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řepínač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/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měrovač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s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apacitou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34Gbps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ustomer a Provider bridge, QoS,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QoS</a:t>
            </a:r>
            <a:endParaRPr kumimoji="0" lang="en-US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odpora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ž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28 L3 VPN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60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Synchronní</a:t>
            </a:r>
            <a:r>
              <a:rPr lang="en-US" sz="16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thernet,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ynchronizace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áze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1588v2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Content Placeholder 1">
            <a:extLst>
              <a:ext uri="{FF2B5EF4-FFF2-40B4-BE49-F238E27FC236}">
                <a16:creationId xmlns:a16="http://schemas.microsoft.com/office/drawing/2014/main" id="{A0E1A74C-1B62-44C5-936E-E0958A1890C3}"/>
              </a:ext>
            </a:extLst>
          </p:cNvPr>
          <p:cNvSpPr txBox="1">
            <a:spLocks/>
          </p:cNvSpPr>
          <p:nvPr/>
        </p:nvSpPr>
        <p:spPr>
          <a:xfrm>
            <a:off x="8832852" y="2956835"/>
            <a:ext cx="2879724" cy="2972140"/>
          </a:xfrm>
        </p:spPr>
        <p:txBody>
          <a:bodyPr>
            <a:normAutofit lnSpcReduction="10000"/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2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oaxiální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ozhraní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pro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řipojení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adiových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jednotek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RAU2X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bo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MINI-LINK 6363/6364/6365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x1G RJ45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3x1G/10G SFP+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ynchronní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Ethernet, 1588v2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ort pro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okální</a:t>
            </a: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1600" b="0" i="0" u="none" strike="noStrike" kern="1000" cap="none" spc="-30" normalizeH="0" baseline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ohled</a:t>
            </a:r>
            <a:endParaRPr kumimoji="0" lang="en-US" sz="1600" b="0" i="0" u="none" strike="noStrike" kern="1000" cap="none" spc="-3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-48V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600" b="0" i="0" u="none" strike="noStrike" kern="1000" cap="none" spc="-30" normalizeH="0" baseline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P 66</a:t>
            </a:r>
          </a:p>
          <a:p>
            <a:pPr marL="712788" marR="0" lvl="1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1600" b="0" i="0" u="none" strike="noStrike" kern="1000" cap="none" spc="-30" normalizeH="0" baseline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8" name="Rak 6">
            <a:extLst>
              <a:ext uri="{FF2B5EF4-FFF2-40B4-BE49-F238E27FC236}">
                <a16:creationId xmlns:a16="http://schemas.microsoft.com/office/drawing/2014/main" id="{3A1B688F-58BB-4004-B311-ACDBF78EE719}"/>
              </a:ext>
            </a:extLst>
          </p:cNvPr>
          <p:cNvCxnSpPr>
            <a:cxnSpLocks/>
          </p:cNvCxnSpPr>
          <p:nvPr/>
        </p:nvCxnSpPr>
        <p:spPr bwMode="auto">
          <a:xfrm>
            <a:off x="479425" y="2721625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9" name="Rak 30">
            <a:extLst>
              <a:ext uri="{FF2B5EF4-FFF2-40B4-BE49-F238E27FC236}">
                <a16:creationId xmlns:a16="http://schemas.microsoft.com/office/drawing/2014/main" id="{1FD9D335-0764-4706-A8EB-98D937ED36D7}"/>
              </a:ext>
            </a:extLst>
          </p:cNvPr>
          <p:cNvCxnSpPr/>
          <p:nvPr/>
        </p:nvCxnSpPr>
        <p:spPr bwMode="auto">
          <a:xfrm>
            <a:off x="479425" y="6229039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0" name="Rak 6">
            <a:extLst>
              <a:ext uri="{FF2B5EF4-FFF2-40B4-BE49-F238E27FC236}">
                <a16:creationId xmlns:a16="http://schemas.microsoft.com/office/drawing/2014/main" id="{AFB859C6-8F5F-4C04-8390-EC72F169DB2E}"/>
              </a:ext>
            </a:extLst>
          </p:cNvPr>
          <p:cNvCxnSpPr>
            <a:cxnSpLocks/>
          </p:cNvCxnSpPr>
          <p:nvPr/>
        </p:nvCxnSpPr>
        <p:spPr bwMode="auto">
          <a:xfrm>
            <a:off x="3359149" y="2712649"/>
            <a:ext cx="5473704" cy="8976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1" name="Rak 30">
            <a:extLst>
              <a:ext uri="{FF2B5EF4-FFF2-40B4-BE49-F238E27FC236}">
                <a16:creationId xmlns:a16="http://schemas.microsoft.com/office/drawing/2014/main" id="{4DA3C37C-BAD9-49B1-8992-6573E35E89A4}"/>
              </a:ext>
            </a:extLst>
          </p:cNvPr>
          <p:cNvCxnSpPr>
            <a:cxnSpLocks/>
          </p:cNvCxnSpPr>
          <p:nvPr/>
        </p:nvCxnSpPr>
        <p:spPr bwMode="auto">
          <a:xfrm>
            <a:off x="3359149" y="4791562"/>
            <a:ext cx="547370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7" name="Rak 6">
            <a:extLst>
              <a:ext uri="{FF2B5EF4-FFF2-40B4-BE49-F238E27FC236}">
                <a16:creationId xmlns:a16="http://schemas.microsoft.com/office/drawing/2014/main" id="{FA66E87E-84FA-44C9-B8C5-E6224664712F}"/>
              </a:ext>
            </a:extLst>
          </p:cNvPr>
          <p:cNvCxnSpPr>
            <a:cxnSpLocks/>
          </p:cNvCxnSpPr>
          <p:nvPr/>
        </p:nvCxnSpPr>
        <p:spPr bwMode="auto">
          <a:xfrm>
            <a:off x="3357439" y="4899329"/>
            <a:ext cx="5473704" cy="8976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8" name="Rak 30">
            <a:extLst>
              <a:ext uri="{FF2B5EF4-FFF2-40B4-BE49-F238E27FC236}">
                <a16:creationId xmlns:a16="http://schemas.microsoft.com/office/drawing/2014/main" id="{1B4896A4-A926-4FAD-B1EF-987D34D97F2C}"/>
              </a:ext>
            </a:extLst>
          </p:cNvPr>
          <p:cNvCxnSpPr>
            <a:cxnSpLocks/>
          </p:cNvCxnSpPr>
          <p:nvPr/>
        </p:nvCxnSpPr>
        <p:spPr bwMode="auto">
          <a:xfrm>
            <a:off x="3357439" y="6238512"/>
            <a:ext cx="547370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9" name="Rak 6">
            <a:extLst>
              <a:ext uri="{FF2B5EF4-FFF2-40B4-BE49-F238E27FC236}">
                <a16:creationId xmlns:a16="http://schemas.microsoft.com/office/drawing/2014/main" id="{B4186ADD-351B-4917-A28A-3495C087557C}"/>
              </a:ext>
            </a:extLst>
          </p:cNvPr>
          <p:cNvCxnSpPr>
            <a:cxnSpLocks/>
          </p:cNvCxnSpPr>
          <p:nvPr/>
        </p:nvCxnSpPr>
        <p:spPr bwMode="auto">
          <a:xfrm>
            <a:off x="9128575" y="2730189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30" name="Rak 30">
            <a:extLst>
              <a:ext uri="{FF2B5EF4-FFF2-40B4-BE49-F238E27FC236}">
                <a16:creationId xmlns:a16="http://schemas.microsoft.com/office/drawing/2014/main" id="{2EB313D5-C253-4630-A2B1-D9C1C9924AB6}"/>
              </a:ext>
            </a:extLst>
          </p:cNvPr>
          <p:cNvCxnSpPr/>
          <p:nvPr/>
        </p:nvCxnSpPr>
        <p:spPr bwMode="auto">
          <a:xfrm>
            <a:off x="9128575" y="6237603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pic>
        <p:nvPicPr>
          <p:cNvPr id="22" name="Picture 21">
            <a:extLst>
              <a:ext uri="{FF2B5EF4-FFF2-40B4-BE49-F238E27FC236}">
                <a16:creationId xmlns:a16="http://schemas.microsoft.com/office/drawing/2014/main" id="{3B3D35D9-BD2E-43F9-B0DF-29AB21D4F52E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229841" y="1539261"/>
            <a:ext cx="3732190" cy="1248859"/>
          </a:xfrm>
          <a:prstGeom prst="rect">
            <a:avLst/>
          </a:prstGeom>
        </p:spPr>
      </p:pic>
      <p:pic>
        <p:nvPicPr>
          <p:cNvPr id="24" name="Picture 23" descr="A picture containing light&#10;&#10;Description automatically generated">
            <a:extLst>
              <a:ext uri="{FF2B5EF4-FFF2-40B4-BE49-F238E27FC236}">
                <a16:creationId xmlns:a16="http://schemas.microsoft.com/office/drawing/2014/main" id="{E252EBAD-E065-4011-B868-1E40A7815A79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41525" y="1547348"/>
            <a:ext cx="1526071" cy="1144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70955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C827591B-96A6-410C-9842-17988667719C}"/>
              </a:ext>
            </a:extLst>
          </p:cNvPr>
          <p:cNvSpPr/>
          <p:nvPr/>
        </p:nvSpPr>
        <p:spPr bwMode="auto">
          <a:xfrm>
            <a:off x="9422599" y="4171656"/>
            <a:ext cx="2301173" cy="1661823"/>
          </a:xfrm>
          <a:custGeom>
            <a:avLst/>
            <a:gdLst>
              <a:gd name="connsiteX0" fmla="*/ 2289976 w 2289976"/>
              <a:gd name="connsiteY0" fmla="*/ 1470991 h 1637969"/>
              <a:gd name="connsiteX1" fmla="*/ 2282024 w 2289976"/>
              <a:gd name="connsiteY1" fmla="*/ 500932 h 1637969"/>
              <a:gd name="connsiteX2" fmla="*/ 0 w 2289976"/>
              <a:gd name="connsiteY2" fmla="*/ 0 h 1637969"/>
              <a:gd name="connsiteX3" fmla="*/ 0 w 2289976"/>
              <a:gd name="connsiteY3" fmla="*/ 1097280 h 1637969"/>
              <a:gd name="connsiteX4" fmla="*/ 2289976 w 2289976"/>
              <a:gd name="connsiteY4" fmla="*/ 1637969 h 1637969"/>
              <a:gd name="connsiteX0" fmla="*/ 2289976 w 2289976"/>
              <a:gd name="connsiteY0" fmla="*/ 1661823 h 1661823"/>
              <a:gd name="connsiteX1" fmla="*/ 2282024 w 2289976"/>
              <a:gd name="connsiteY1" fmla="*/ 500932 h 1661823"/>
              <a:gd name="connsiteX2" fmla="*/ 0 w 2289976"/>
              <a:gd name="connsiteY2" fmla="*/ 0 h 1661823"/>
              <a:gd name="connsiteX3" fmla="*/ 0 w 2289976"/>
              <a:gd name="connsiteY3" fmla="*/ 1097280 h 1661823"/>
              <a:gd name="connsiteX4" fmla="*/ 2289976 w 2289976"/>
              <a:gd name="connsiteY4" fmla="*/ 1637969 h 1661823"/>
              <a:gd name="connsiteX0" fmla="*/ 2289976 w 2289976"/>
              <a:gd name="connsiteY0" fmla="*/ 1661823 h 1661823"/>
              <a:gd name="connsiteX1" fmla="*/ 2282024 w 2289976"/>
              <a:gd name="connsiteY1" fmla="*/ 500932 h 1661823"/>
              <a:gd name="connsiteX2" fmla="*/ 0 w 2289976"/>
              <a:gd name="connsiteY2" fmla="*/ 0 h 1661823"/>
              <a:gd name="connsiteX3" fmla="*/ 0 w 2289976"/>
              <a:gd name="connsiteY3" fmla="*/ 1097280 h 1661823"/>
              <a:gd name="connsiteX4" fmla="*/ 2289976 w 2289976"/>
              <a:gd name="connsiteY4" fmla="*/ 1649166 h 1661823"/>
              <a:gd name="connsiteX0" fmla="*/ 2289976 w 2301173"/>
              <a:gd name="connsiteY0" fmla="*/ 1661823 h 1661823"/>
              <a:gd name="connsiteX1" fmla="*/ 2282024 w 2301173"/>
              <a:gd name="connsiteY1" fmla="*/ 500932 h 1661823"/>
              <a:gd name="connsiteX2" fmla="*/ 0 w 2301173"/>
              <a:gd name="connsiteY2" fmla="*/ 0 h 1661823"/>
              <a:gd name="connsiteX3" fmla="*/ 0 w 2301173"/>
              <a:gd name="connsiteY3" fmla="*/ 1097280 h 1661823"/>
              <a:gd name="connsiteX4" fmla="*/ 2301173 w 2301173"/>
              <a:gd name="connsiteY4" fmla="*/ 1656631 h 16618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301173" h="1661823">
                <a:moveTo>
                  <a:pt x="2289976" y="1661823"/>
                </a:moveTo>
                <a:cubicBezTo>
                  <a:pt x="2287325" y="1338470"/>
                  <a:pt x="2284675" y="824285"/>
                  <a:pt x="2282024" y="500932"/>
                </a:cubicBezTo>
                <a:lnTo>
                  <a:pt x="0" y="0"/>
                </a:lnTo>
                <a:lnTo>
                  <a:pt x="0" y="1097280"/>
                </a:lnTo>
                <a:lnTo>
                  <a:pt x="2301173" y="1656631"/>
                </a:lnTo>
              </a:path>
            </a:pathLst>
          </a:custGeom>
          <a:pattFill prst="horzBrick">
            <a:fgClr>
              <a:schemeClr val="tx1">
                <a:lumMod val="50000"/>
                <a:lumOff val="50000"/>
              </a:schemeClr>
            </a:fgClr>
            <a:bgClr>
              <a:schemeClr val="bg1"/>
            </a:bgClr>
          </a:patt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189DD4C0-1C00-4CB5-B570-13953C3BE48D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248414" y="2019060"/>
            <a:ext cx="1611285" cy="1571984"/>
          </a:xfrm>
          <a:prstGeom prst="rect">
            <a:avLst/>
          </a:prstGeom>
        </p:spPr>
      </p:pic>
      <p:sp>
        <p:nvSpPr>
          <p:cNvPr id="28" name="Cylinder 27">
            <a:extLst>
              <a:ext uri="{FF2B5EF4-FFF2-40B4-BE49-F238E27FC236}">
                <a16:creationId xmlns:a16="http://schemas.microsoft.com/office/drawing/2014/main" id="{654C2F31-8822-400E-B774-90DED404B1DA}"/>
              </a:ext>
            </a:extLst>
          </p:cNvPr>
          <p:cNvSpPr/>
          <p:nvPr/>
        </p:nvSpPr>
        <p:spPr bwMode="auto">
          <a:xfrm>
            <a:off x="2692033" y="1858709"/>
            <a:ext cx="307739" cy="2086853"/>
          </a:xfrm>
          <a:prstGeom prst="can">
            <a:avLst/>
          </a:prstGeom>
          <a:solidFill>
            <a:schemeClr val="tx1">
              <a:lumMod val="50000"/>
              <a:lumOff val="5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3" name="Parallelogram 22">
            <a:extLst>
              <a:ext uri="{FF2B5EF4-FFF2-40B4-BE49-F238E27FC236}">
                <a16:creationId xmlns:a16="http://schemas.microsoft.com/office/drawing/2014/main" id="{0FD39EA4-CB0D-4C88-B744-9AA234EB94A8}"/>
              </a:ext>
            </a:extLst>
          </p:cNvPr>
          <p:cNvSpPr/>
          <p:nvPr/>
        </p:nvSpPr>
        <p:spPr bwMode="auto">
          <a:xfrm>
            <a:off x="3535941" y="4345831"/>
            <a:ext cx="2240394" cy="1475405"/>
          </a:xfrm>
          <a:prstGeom prst="parallelogram">
            <a:avLst>
              <a:gd name="adj" fmla="val 0"/>
            </a:avLst>
          </a:prstGeom>
          <a:pattFill prst="horzBrick">
            <a:fgClr>
              <a:schemeClr val="tx1">
                <a:lumMod val="50000"/>
                <a:lumOff val="50000"/>
              </a:schemeClr>
            </a:fgClr>
            <a:bgClr>
              <a:schemeClr val="bg1"/>
            </a:bgClr>
          </a:patt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1120850-5F7D-40A9-9A17-7360EE6754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422221" cy="1081088"/>
          </a:xfrm>
        </p:spPr>
        <p:txBody>
          <a:bodyPr/>
          <a:lstStyle/>
          <a:p>
            <a:r>
              <a:rPr lang="en-US" dirty="0" err="1"/>
              <a:t>Možnosti</a:t>
            </a:r>
            <a:r>
              <a:rPr lang="en-US" dirty="0"/>
              <a:t> </a:t>
            </a:r>
            <a:r>
              <a:rPr lang="en-US" dirty="0" err="1"/>
              <a:t>instalace</a:t>
            </a:r>
            <a:r>
              <a:rPr lang="en-US" dirty="0"/>
              <a:t> </a:t>
            </a:r>
            <a:r>
              <a:rPr lang="en-US" dirty="0" err="1"/>
              <a:t>jednotek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/>
              <a:t>MINI-LINK 6371 a MINI-LINK 6366/4</a:t>
            </a:r>
          </a:p>
        </p:txBody>
      </p:sp>
      <p:pic>
        <p:nvPicPr>
          <p:cNvPr id="5" name="Content Placeholder 4" descr="A picture containing text&#10;&#10;Description automatically generated">
            <a:extLst>
              <a:ext uri="{FF2B5EF4-FFF2-40B4-BE49-F238E27FC236}">
                <a16:creationId xmlns:a16="http://schemas.microsoft.com/office/drawing/2014/main" id="{E0F91189-05AA-406F-BC1D-EC41A1543BB6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56218" y="4583613"/>
            <a:ext cx="999839" cy="999839"/>
          </a:xfr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60831AE3-4876-48E3-9D11-05E14C468AB0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237802" y="4537760"/>
            <a:ext cx="710352" cy="818813"/>
          </a:xfrm>
          <a:prstGeom prst="rect">
            <a:avLst/>
          </a:prstGeom>
        </p:spPr>
      </p:pic>
      <p:pic>
        <p:nvPicPr>
          <p:cNvPr id="25" name="Picture 24" descr="A picture containing light&#10;&#10;Description automatically generated">
            <a:extLst>
              <a:ext uri="{FF2B5EF4-FFF2-40B4-BE49-F238E27FC236}">
                <a16:creationId xmlns:a16="http://schemas.microsoft.com/office/drawing/2014/main" id="{A941C41C-112A-41B3-BC14-68CA2A82038F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71296" y="2194560"/>
            <a:ext cx="1947581" cy="1451025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AAECA059-6C43-47E1-A475-160D52C7A899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617842" y="1979875"/>
            <a:ext cx="1630019" cy="1590261"/>
          </a:xfrm>
          <a:prstGeom prst="rect">
            <a:avLst/>
          </a:prstGeom>
        </p:spPr>
      </p:pic>
      <p:sp>
        <p:nvSpPr>
          <p:cNvPr id="27" name="Cylinder 26">
            <a:extLst>
              <a:ext uri="{FF2B5EF4-FFF2-40B4-BE49-F238E27FC236}">
                <a16:creationId xmlns:a16="http://schemas.microsoft.com/office/drawing/2014/main" id="{6526BA7A-31D7-4D2A-88A2-E8F9A9B8ECAF}"/>
              </a:ext>
            </a:extLst>
          </p:cNvPr>
          <p:cNvSpPr/>
          <p:nvPr/>
        </p:nvSpPr>
        <p:spPr bwMode="auto">
          <a:xfrm>
            <a:off x="4853982" y="1866660"/>
            <a:ext cx="307739" cy="2086853"/>
          </a:xfrm>
          <a:prstGeom prst="can">
            <a:avLst/>
          </a:prstGeom>
          <a:solidFill>
            <a:schemeClr val="tx1">
              <a:lumMod val="50000"/>
              <a:lumOff val="5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9" name="Cylinder 28">
            <a:extLst>
              <a:ext uri="{FF2B5EF4-FFF2-40B4-BE49-F238E27FC236}">
                <a16:creationId xmlns:a16="http://schemas.microsoft.com/office/drawing/2014/main" id="{AA1A4A6D-567A-4C8B-A2DF-72F8CAF99DF7}"/>
              </a:ext>
            </a:extLst>
          </p:cNvPr>
          <p:cNvSpPr/>
          <p:nvPr/>
        </p:nvSpPr>
        <p:spPr bwMode="auto">
          <a:xfrm>
            <a:off x="7485820" y="1858709"/>
            <a:ext cx="307739" cy="3962527"/>
          </a:xfrm>
          <a:prstGeom prst="can">
            <a:avLst/>
          </a:prstGeom>
          <a:solidFill>
            <a:schemeClr val="tx1">
              <a:lumMod val="50000"/>
              <a:lumOff val="5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1" name="Picture 10" descr="A picture containing white&#10;&#10;Description automatically generated">
            <a:extLst>
              <a:ext uri="{FF2B5EF4-FFF2-40B4-BE49-F238E27FC236}">
                <a16:creationId xmlns:a16="http://schemas.microsoft.com/office/drawing/2014/main" id="{0C554461-33B0-4599-91C3-C8532B992805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297783" y="4803746"/>
            <a:ext cx="642248" cy="727002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26B3C52E-6ADB-485A-9819-EE714E884EAE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576107" y="1983463"/>
            <a:ext cx="1630019" cy="1590261"/>
          </a:xfrm>
          <a:prstGeom prst="rect">
            <a:avLst/>
          </a:prstGeom>
        </p:spPr>
      </p:pic>
      <p:sp>
        <p:nvSpPr>
          <p:cNvPr id="32" name="Cylinder 31">
            <a:extLst>
              <a:ext uri="{FF2B5EF4-FFF2-40B4-BE49-F238E27FC236}">
                <a16:creationId xmlns:a16="http://schemas.microsoft.com/office/drawing/2014/main" id="{12A121BB-B4F7-4617-83E5-EFBB1FBF54FA}"/>
              </a:ext>
            </a:extLst>
          </p:cNvPr>
          <p:cNvSpPr/>
          <p:nvPr/>
        </p:nvSpPr>
        <p:spPr bwMode="auto">
          <a:xfrm>
            <a:off x="10812247" y="1870248"/>
            <a:ext cx="307739" cy="2086853"/>
          </a:xfrm>
          <a:prstGeom prst="can">
            <a:avLst/>
          </a:prstGeom>
          <a:solidFill>
            <a:schemeClr val="tx1">
              <a:lumMod val="50000"/>
              <a:lumOff val="5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FCA8E9F9-AE83-4AF8-99E8-176C634BED0A}"/>
              </a:ext>
            </a:extLst>
          </p:cNvPr>
          <p:cNvSpPr/>
          <p:nvPr/>
        </p:nvSpPr>
        <p:spPr bwMode="auto">
          <a:xfrm>
            <a:off x="9110410" y="5271170"/>
            <a:ext cx="2593910" cy="563569"/>
          </a:xfrm>
          <a:custGeom>
            <a:avLst/>
            <a:gdLst>
              <a:gd name="connsiteX0" fmla="*/ 2593910 w 2593910"/>
              <a:gd name="connsiteY0" fmla="*/ 563569 h 563569"/>
              <a:gd name="connsiteX1" fmla="*/ 317241 w 2593910"/>
              <a:gd name="connsiteY1" fmla="*/ 0 h 563569"/>
              <a:gd name="connsiteX2" fmla="*/ 0 w 2593910"/>
              <a:gd name="connsiteY2" fmla="*/ 3733 h 563569"/>
              <a:gd name="connsiteX3" fmla="*/ 3732 w 2593910"/>
              <a:gd name="connsiteY3" fmla="*/ 559837 h 563569"/>
              <a:gd name="connsiteX4" fmla="*/ 2593910 w 2593910"/>
              <a:gd name="connsiteY4" fmla="*/ 563569 h 5635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593910" h="563569">
                <a:moveTo>
                  <a:pt x="2593910" y="563569"/>
                </a:moveTo>
                <a:lnTo>
                  <a:pt x="317241" y="0"/>
                </a:lnTo>
                <a:lnTo>
                  <a:pt x="0" y="3733"/>
                </a:lnTo>
                <a:lnTo>
                  <a:pt x="3732" y="559837"/>
                </a:lnTo>
                <a:lnTo>
                  <a:pt x="2593910" y="563569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71CDADB-477E-407F-9FB0-39570F699669}"/>
              </a:ext>
            </a:extLst>
          </p:cNvPr>
          <p:cNvSpPr/>
          <p:nvPr/>
        </p:nvSpPr>
        <p:spPr bwMode="auto">
          <a:xfrm>
            <a:off x="9110410" y="4171656"/>
            <a:ext cx="312189" cy="1099514"/>
          </a:xfrm>
          <a:prstGeom prst="rect">
            <a:avLst/>
          </a:prstGeom>
          <a:pattFill prst="horzBrick">
            <a:fgClr>
              <a:schemeClr val="bg2">
                <a:lumMod val="50000"/>
              </a:schemeClr>
            </a:fgClr>
            <a:bgClr>
              <a:schemeClr val="bg1"/>
            </a:bgClr>
          </a:patt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7B23F58-3AE4-4DE5-AFD4-B0408464B9C8}"/>
              </a:ext>
            </a:extLst>
          </p:cNvPr>
          <p:cNvGrpSpPr/>
          <p:nvPr/>
        </p:nvGrpSpPr>
        <p:grpSpPr>
          <a:xfrm>
            <a:off x="9266504" y="1108273"/>
            <a:ext cx="1728494" cy="395270"/>
            <a:chOff x="6134100" y="5901979"/>
            <a:chExt cx="1728494" cy="395270"/>
          </a:xfrm>
        </p:grpSpPr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CA9E7622-6960-48A9-9A8F-8E971846ECF5}"/>
                </a:ext>
              </a:extLst>
            </p:cNvPr>
            <p:cNvCxnSpPr/>
            <p:nvPr/>
          </p:nvCxnSpPr>
          <p:spPr bwMode="auto">
            <a:xfrm>
              <a:off x="6134100" y="6029325"/>
              <a:ext cx="438150" cy="0"/>
            </a:xfrm>
            <a:prstGeom prst="line">
              <a:avLst/>
            </a:prstGeom>
            <a:ln w="28575">
              <a:solidFill>
                <a:schemeClr val="accent1"/>
              </a:solidFill>
              <a:headEnd type="none" w="med" len="med"/>
              <a:tailEnd type="none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048B705-BC38-4796-BCBF-468FB3B881B1}"/>
                </a:ext>
              </a:extLst>
            </p:cNvPr>
            <p:cNvCxnSpPr/>
            <p:nvPr/>
          </p:nvCxnSpPr>
          <p:spPr bwMode="auto">
            <a:xfrm>
              <a:off x="6134100" y="6181725"/>
              <a:ext cx="438150" cy="0"/>
            </a:xfrm>
            <a:prstGeom prst="line">
              <a:avLst/>
            </a:prstGeom>
            <a:ln w="28575">
              <a:solidFill>
                <a:schemeClr val="accent5"/>
              </a:solidFill>
              <a:headEnd type="none" w="med" len="med"/>
              <a:tailEnd type="none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540802BF-3C3B-4DD5-8005-3EF685B1E592}"/>
                </a:ext>
              </a:extLst>
            </p:cNvPr>
            <p:cNvSpPr txBox="1"/>
            <p:nvPr/>
          </p:nvSpPr>
          <p:spPr bwMode="auto">
            <a:xfrm>
              <a:off x="6591300" y="5901979"/>
              <a:ext cx="1271294" cy="231048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cs-CZ" sz="1100" b="0" i="0" u="none" strike="noStrike" kern="1200" cap="none" spc="0" normalizeH="0" baseline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1/10GBE optický kabel</a:t>
              </a: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DADC450D-BDB5-4DEB-88ED-812EFA15DA75}"/>
                </a:ext>
              </a:extLst>
            </p:cNvPr>
            <p:cNvSpPr txBox="1"/>
            <p:nvPr/>
          </p:nvSpPr>
          <p:spPr bwMode="auto">
            <a:xfrm>
              <a:off x="6590319" y="6066201"/>
              <a:ext cx="1271294" cy="231048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cs-CZ" sz="1100" b="0" i="0" u="none" strike="noStrike" kern="1200" cap="none" spc="0" normalizeH="0" baseline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Koaxiální kabel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E63C6395-E72B-4187-BB4B-076E172D6783}"/>
              </a:ext>
            </a:extLst>
          </p:cNvPr>
          <p:cNvSpPr txBox="1"/>
          <p:nvPr/>
        </p:nvSpPr>
        <p:spPr bwMode="auto">
          <a:xfrm>
            <a:off x="487680" y="5609579"/>
            <a:ext cx="2590380" cy="610620"/>
          </a:xfrm>
          <a:prstGeom prst="rect">
            <a:avLst/>
          </a:prstGeom>
          <a:solidFill>
            <a:schemeClr val="bg1">
              <a:lumMod val="95000"/>
            </a:schemeClr>
          </a:solidFill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ntegrovaná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ntáž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a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téně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8C9D6C2D-6807-4D34-B221-645ECE9F6BF3}"/>
              </a:ext>
            </a:extLst>
          </p:cNvPr>
          <p:cNvSpPr txBox="1"/>
          <p:nvPr/>
        </p:nvSpPr>
        <p:spPr bwMode="auto">
          <a:xfrm>
            <a:off x="3359150" y="5857332"/>
            <a:ext cx="2590380" cy="372836"/>
          </a:xfrm>
          <a:prstGeom prst="rect">
            <a:avLst/>
          </a:prstGeom>
          <a:solidFill>
            <a:schemeClr val="bg1">
              <a:lumMod val="95000"/>
            </a:schemeClr>
          </a:solidFill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ntáž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a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zeď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C196C04E-9A11-4ED8-9B14-351BB38C5AC1}"/>
              </a:ext>
            </a:extLst>
          </p:cNvPr>
          <p:cNvSpPr txBox="1"/>
          <p:nvPr/>
        </p:nvSpPr>
        <p:spPr bwMode="auto">
          <a:xfrm>
            <a:off x="6261718" y="5864781"/>
            <a:ext cx="2571129" cy="372836"/>
          </a:xfrm>
          <a:prstGeom prst="rect">
            <a:avLst/>
          </a:prstGeom>
          <a:solidFill>
            <a:schemeClr val="bg1">
              <a:lumMod val="95000"/>
            </a:schemeClr>
          </a:solidFill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lang="en-US" kern="1200" spc="0" dirty="0" err="1">
                <a:solidFill>
                  <a:srgbClr val="181818"/>
                </a:solidFill>
                <a:latin typeface="Ericsson Hilda"/>
              </a:rPr>
              <a:t>Montáž</a:t>
            </a:r>
            <a:r>
              <a:rPr lang="en-US" kern="1200" spc="0" dirty="0">
                <a:solidFill>
                  <a:srgbClr val="181818"/>
                </a:solidFill>
                <a:latin typeface="Ericsson Hilda"/>
              </a:rPr>
              <a:t> </a:t>
            </a:r>
            <a:r>
              <a:rPr lang="en-US" kern="1200" spc="0" dirty="0" err="1">
                <a:solidFill>
                  <a:srgbClr val="181818"/>
                </a:solidFill>
                <a:latin typeface="Ericsson Hilda"/>
              </a:rPr>
              <a:t>na</a:t>
            </a:r>
            <a:r>
              <a:rPr lang="en-US" kern="1200" spc="0" dirty="0">
                <a:solidFill>
                  <a:srgbClr val="181818"/>
                </a:solidFill>
                <a:latin typeface="Ericsson Hilda"/>
              </a:rPr>
              <a:t> </a:t>
            </a:r>
            <a:r>
              <a:rPr lang="en-US" kern="1200" spc="0" dirty="0" err="1">
                <a:solidFill>
                  <a:srgbClr val="181818"/>
                </a:solidFill>
                <a:latin typeface="Ericsson Hilda"/>
              </a:rPr>
              <a:t>stožár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C8BB54F-0D25-42A5-9303-5A6DC2650FD5}"/>
              </a:ext>
            </a:extLst>
          </p:cNvPr>
          <p:cNvSpPr txBox="1"/>
          <p:nvPr/>
        </p:nvSpPr>
        <p:spPr bwMode="auto">
          <a:xfrm>
            <a:off x="9120188" y="5866041"/>
            <a:ext cx="2603584" cy="372836"/>
          </a:xfrm>
          <a:prstGeom prst="rect">
            <a:avLst/>
          </a:prstGeom>
          <a:solidFill>
            <a:schemeClr val="bg1">
              <a:lumMod val="95000"/>
            </a:schemeClr>
          </a:solidFill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ntáž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a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olejnici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0E61AE11-9C32-4B96-BEE2-CFA0FEB0DFCF}"/>
              </a:ext>
            </a:extLst>
          </p:cNvPr>
          <p:cNvCxnSpPr/>
          <p:nvPr/>
        </p:nvCxnSpPr>
        <p:spPr bwMode="auto">
          <a:xfrm flipV="1">
            <a:off x="4624251" y="5408827"/>
            <a:ext cx="0" cy="312705"/>
          </a:xfrm>
          <a:prstGeom prst="line">
            <a:avLst/>
          </a:prstGeom>
          <a:ln w="28575"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Freeform: Shape 49">
            <a:extLst>
              <a:ext uri="{FF2B5EF4-FFF2-40B4-BE49-F238E27FC236}">
                <a16:creationId xmlns:a16="http://schemas.microsoft.com/office/drawing/2014/main" id="{0836600B-3D98-4531-80B4-C1EF3A81B798}"/>
              </a:ext>
            </a:extLst>
          </p:cNvPr>
          <p:cNvSpPr/>
          <p:nvPr/>
        </p:nvSpPr>
        <p:spPr bwMode="auto">
          <a:xfrm>
            <a:off x="3953692" y="3187336"/>
            <a:ext cx="1245326" cy="2360023"/>
          </a:xfrm>
          <a:custGeom>
            <a:avLst/>
            <a:gdLst>
              <a:gd name="connsiteX0" fmla="*/ 487680 w 896983"/>
              <a:gd name="connsiteY0" fmla="*/ 2238103 h 2351314"/>
              <a:gd name="connsiteX1" fmla="*/ 461555 w 896983"/>
              <a:gd name="connsiteY1" fmla="*/ 2351314 h 2351314"/>
              <a:gd name="connsiteX2" fmla="*/ 200298 w 896983"/>
              <a:gd name="connsiteY2" fmla="*/ 2325189 h 2351314"/>
              <a:gd name="connsiteX3" fmla="*/ 182880 w 896983"/>
              <a:gd name="connsiteY3" fmla="*/ 1515292 h 2351314"/>
              <a:gd name="connsiteX4" fmla="*/ 896983 w 896983"/>
              <a:gd name="connsiteY4" fmla="*/ 1358537 h 2351314"/>
              <a:gd name="connsiteX5" fmla="*/ 896983 w 896983"/>
              <a:gd name="connsiteY5" fmla="*/ 400594 h 2351314"/>
              <a:gd name="connsiteX6" fmla="*/ 17418 w 896983"/>
              <a:gd name="connsiteY6" fmla="*/ 139337 h 2351314"/>
              <a:gd name="connsiteX7" fmla="*/ 0 w 896983"/>
              <a:gd name="connsiteY7" fmla="*/ 0 h 2351314"/>
              <a:gd name="connsiteX0" fmla="*/ 487680 w 1306286"/>
              <a:gd name="connsiteY0" fmla="*/ 2238103 h 2351314"/>
              <a:gd name="connsiteX1" fmla="*/ 461555 w 1306286"/>
              <a:gd name="connsiteY1" fmla="*/ 2351314 h 2351314"/>
              <a:gd name="connsiteX2" fmla="*/ 200298 w 1306286"/>
              <a:gd name="connsiteY2" fmla="*/ 2325189 h 2351314"/>
              <a:gd name="connsiteX3" fmla="*/ 1306286 w 1306286"/>
              <a:gd name="connsiteY3" fmla="*/ 1558834 h 2351314"/>
              <a:gd name="connsiteX4" fmla="*/ 896983 w 1306286"/>
              <a:gd name="connsiteY4" fmla="*/ 1358537 h 2351314"/>
              <a:gd name="connsiteX5" fmla="*/ 896983 w 1306286"/>
              <a:gd name="connsiteY5" fmla="*/ 400594 h 2351314"/>
              <a:gd name="connsiteX6" fmla="*/ 17418 w 1306286"/>
              <a:gd name="connsiteY6" fmla="*/ 139337 h 2351314"/>
              <a:gd name="connsiteX7" fmla="*/ 0 w 1306286"/>
              <a:gd name="connsiteY7" fmla="*/ 0 h 2351314"/>
              <a:gd name="connsiteX0" fmla="*/ 487680 w 1306286"/>
              <a:gd name="connsiteY0" fmla="*/ 2238103 h 2351314"/>
              <a:gd name="connsiteX1" fmla="*/ 461555 w 1306286"/>
              <a:gd name="connsiteY1" fmla="*/ 2351314 h 2351314"/>
              <a:gd name="connsiteX2" fmla="*/ 1236618 w 1306286"/>
              <a:gd name="connsiteY2" fmla="*/ 2333898 h 2351314"/>
              <a:gd name="connsiteX3" fmla="*/ 1306286 w 1306286"/>
              <a:gd name="connsiteY3" fmla="*/ 1558834 h 2351314"/>
              <a:gd name="connsiteX4" fmla="*/ 896983 w 1306286"/>
              <a:gd name="connsiteY4" fmla="*/ 1358537 h 2351314"/>
              <a:gd name="connsiteX5" fmla="*/ 896983 w 1306286"/>
              <a:gd name="connsiteY5" fmla="*/ 400594 h 2351314"/>
              <a:gd name="connsiteX6" fmla="*/ 17418 w 1306286"/>
              <a:gd name="connsiteY6" fmla="*/ 139337 h 2351314"/>
              <a:gd name="connsiteX7" fmla="*/ 0 w 1306286"/>
              <a:gd name="connsiteY7" fmla="*/ 0 h 2351314"/>
              <a:gd name="connsiteX0" fmla="*/ 487680 w 1306286"/>
              <a:gd name="connsiteY0" fmla="*/ 2238103 h 2342605"/>
              <a:gd name="connsiteX1" fmla="*/ 914401 w 1306286"/>
              <a:gd name="connsiteY1" fmla="*/ 2342605 h 2342605"/>
              <a:gd name="connsiteX2" fmla="*/ 1236618 w 1306286"/>
              <a:gd name="connsiteY2" fmla="*/ 2333898 h 2342605"/>
              <a:gd name="connsiteX3" fmla="*/ 1306286 w 1306286"/>
              <a:gd name="connsiteY3" fmla="*/ 1558834 h 2342605"/>
              <a:gd name="connsiteX4" fmla="*/ 896983 w 1306286"/>
              <a:gd name="connsiteY4" fmla="*/ 1358537 h 2342605"/>
              <a:gd name="connsiteX5" fmla="*/ 896983 w 1306286"/>
              <a:gd name="connsiteY5" fmla="*/ 400594 h 2342605"/>
              <a:gd name="connsiteX6" fmla="*/ 17418 w 1306286"/>
              <a:gd name="connsiteY6" fmla="*/ 139337 h 2342605"/>
              <a:gd name="connsiteX7" fmla="*/ 0 w 1306286"/>
              <a:gd name="connsiteY7" fmla="*/ 0 h 2342605"/>
              <a:gd name="connsiteX0" fmla="*/ 775063 w 1306286"/>
              <a:gd name="connsiteY0" fmla="*/ 2203269 h 2342605"/>
              <a:gd name="connsiteX1" fmla="*/ 914401 w 1306286"/>
              <a:gd name="connsiteY1" fmla="*/ 2342605 h 2342605"/>
              <a:gd name="connsiteX2" fmla="*/ 1236618 w 1306286"/>
              <a:gd name="connsiteY2" fmla="*/ 2333898 h 2342605"/>
              <a:gd name="connsiteX3" fmla="*/ 1306286 w 1306286"/>
              <a:gd name="connsiteY3" fmla="*/ 1558834 h 2342605"/>
              <a:gd name="connsiteX4" fmla="*/ 896983 w 1306286"/>
              <a:gd name="connsiteY4" fmla="*/ 1358537 h 2342605"/>
              <a:gd name="connsiteX5" fmla="*/ 896983 w 1306286"/>
              <a:gd name="connsiteY5" fmla="*/ 400594 h 2342605"/>
              <a:gd name="connsiteX6" fmla="*/ 17418 w 1306286"/>
              <a:gd name="connsiteY6" fmla="*/ 139337 h 2342605"/>
              <a:gd name="connsiteX7" fmla="*/ 0 w 1306286"/>
              <a:gd name="connsiteY7" fmla="*/ 0 h 2342605"/>
              <a:gd name="connsiteX0" fmla="*/ 775063 w 1306286"/>
              <a:gd name="connsiteY0" fmla="*/ 2203269 h 2360023"/>
              <a:gd name="connsiteX1" fmla="*/ 836024 w 1306286"/>
              <a:gd name="connsiteY1" fmla="*/ 2360023 h 2360023"/>
              <a:gd name="connsiteX2" fmla="*/ 1236618 w 1306286"/>
              <a:gd name="connsiteY2" fmla="*/ 2333898 h 2360023"/>
              <a:gd name="connsiteX3" fmla="*/ 1306286 w 1306286"/>
              <a:gd name="connsiteY3" fmla="*/ 1558834 h 2360023"/>
              <a:gd name="connsiteX4" fmla="*/ 896983 w 1306286"/>
              <a:gd name="connsiteY4" fmla="*/ 1358537 h 2360023"/>
              <a:gd name="connsiteX5" fmla="*/ 896983 w 1306286"/>
              <a:gd name="connsiteY5" fmla="*/ 400594 h 2360023"/>
              <a:gd name="connsiteX6" fmla="*/ 17418 w 1306286"/>
              <a:gd name="connsiteY6" fmla="*/ 139337 h 2360023"/>
              <a:gd name="connsiteX7" fmla="*/ 0 w 1306286"/>
              <a:gd name="connsiteY7" fmla="*/ 0 h 2360023"/>
              <a:gd name="connsiteX0" fmla="*/ 775063 w 1245326"/>
              <a:gd name="connsiteY0" fmla="*/ 2203269 h 2360023"/>
              <a:gd name="connsiteX1" fmla="*/ 836024 w 1245326"/>
              <a:gd name="connsiteY1" fmla="*/ 2360023 h 2360023"/>
              <a:gd name="connsiteX2" fmla="*/ 1236618 w 1245326"/>
              <a:gd name="connsiteY2" fmla="*/ 2333898 h 2360023"/>
              <a:gd name="connsiteX3" fmla="*/ 1245326 w 1245326"/>
              <a:gd name="connsiteY3" fmla="*/ 1558834 h 2360023"/>
              <a:gd name="connsiteX4" fmla="*/ 896983 w 1245326"/>
              <a:gd name="connsiteY4" fmla="*/ 1358537 h 2360023"/>
              <a:gd name="connsiteX5" fmla="*/ 896983 w 1245326"/>
              <a:gd name="connsiteY5" fmla="*/ 400594 h 2360023"/>
              <a:gd name="connsiteX6" fmla="*/ 17418 w 1245326"/>
              <a:gd name="connsiteY6" fmla="*/ 139337 h 2360023"/>
              <a:gd name="connsiteX7" fmla="*/ 0 w 1245326"/>
              <a:gd name="connsiteY7" fmla="*/ 0 h 23600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45326" h="2360023">
                <a:moveTo>
                  <a:pt x="775063" y="2203269"/>
                </a:moveTo>
                <a:lnTo>
                  <a:pt x="836024" y="2360023"/>
                </a:lnTo>
                <a:lnTo>
                  <a:pt x="1236618" y="2333898"/>
                </a:lnTo>
                <a:cubicBezTo>
                  <a:pt x="1239521" y="2075543"/>
                  <a:pt x="1242423" y="1817189"/>
                  <a:pt x="1245326" y="1558834"/>
                </a:cubicBezTo>
                <a:lnTo>
                  <a:pt x="896983" y="1358537"/>
                </a:lnTo>
                <a:lnTo>
                  <a:pt x="896983" y="400594"/>
                </a:lnTo>
                <a:lnTo>
                  <a:pt x="17418" y="139337"/>
                </a:lnTo>
                <a:lnTo>
                  <a:pt x="0" y="0"/>
                </a:lnTo>
              </a:path>
            </a:pathLst>
          </a:custGeom>
          <a:ln w="28575"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1" name="Freeform: Shape 50">
            <a:extLst>
              <a:ext uri="{FF2B5EF4-FFF2-40B4-BE49-F238E27FC236}">
                <a16:creationId xmlns:a16="http://schemas.microsoft.com/office/drawing/2014/main" id="{9A3BCABF-9F99-442B-AD09-37A9B2447BB0}"/>
              </a:ext>
            </a:extLst>
          </p:cNvPr>
          <p:cNvSpPr/>
          <p:nvPr/>
        </p:nvSpPr>
        <p:spPr bwMode="auto">
          <a:xfrm>
            <a:off x="2412274" y="3283132"/>
            <a:ext cx="252548" cy="609600"/>
          </a:xfrm>
          <a:custGeom>
            <a:avLst/>
            <a:gdLst>
              <a:gd name="connsiteX0" fmla="*/ 0 w 252548"/>
              <a:gd name="connsiteY0" fmla="*/ 0 h 609600"/>
              <a:gd name="connsiteX1" fmla="*/ 26126 w 252548"/>
              <a:gd name="connsiteY1" fmla="*/ 209006 h 609600"/>
              <a:gd name="connsiteX2" fmla="*/ 252548 w 252548"/>
              <a:gd name="connsiteY2" fmla="*/ 287383 h 609600"/>
              <a:gd name="connsiteX3" fmla="*/ 252548 w 252548"/>
              <a:gd name="connsiteY3" fmla="*/ 609600 h 60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52548" h="609600">
                <a:moveTo>
                  <a:pt x="0" y="0"/>
                </a:moveTo>
                <a:lnTo>
                  <a:pt x="26126" y="209006"/>
                </a:lnTo>
                <a:lnTo>
                  <a:pt x="252548" y="287383"/>
                </a:lnTo>
                <a:lnTo>
                  <a:pt x="252548" y="609600"/>
                </a:lnTo>
              </a:path>
            </a:pathLst>
          </a:cu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2" name="Freeform: Shape 51">
            <a:extLst>
              <a:ext uri="{FF2B5EF4-FFF2-40B4-BE49-F238E27FC236}">
                <a16:creationId xmlns:a16="http://schemas.microsoft.com/office/drawing/2014/main" id="{FC1E7A38-079F-41A9-AF7A-05DF802E1233}"/>
              </a:ext>
            </a:extLst>
          </p:cNvPr>
          <p:cNvSpPr/>
          <p:nvPr/>
        </p:nvSpPr>
        <p:spPr bwMode="auto">
          <a:xfrm>
            <a:off x="7637417" y="5460274"/>
            <a:ext cx="174172" cy="217715"/>
          </a:xfrm>
          <a:custGeom>
            <a:avLst/>
            <a:gdLst>
              <a:gd name="connsiteX0" fmla="*/ 0 w 174172"/>
              <a:gd name="connsiteY0" fmla="*/ 43543 h 217715"/>
              <a:gd name="connsiteX1" fmla="*/ 60960 w 174172"/>
              <a:gd name="connsiteY1" fmla="*/ 174172 h 217715"/>
              <a:gd name="connsiteX2" fmla="*/ 174172 w 174172"/>
              <a:gd name="connsiteY2" fmla="*/ 217715 h 217715"/>
              <a:gd name="connsiteX3" fmla="*/ 174172 w 174172"/>
              <a:gd name="connsiteY3" fmla="*/ 0 h 217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74172" h="217715">
                <a:moveTo>
                  <a:pt x="0" y="43543"/>
                </a:moveTo>
                <a:lnTo>
                  <a:pt x="60960" y="174172"/>
                </a:lnTo>
                <a:lnTo>
                  <a:pt x="174172" y="217715"/>
                </a:lnTo>
                <a:lnTo>
                  <a:pt x="174172" y="0"/>
                </a:lnTo>
              </a:path>
            </a:pathLst>
          </a:custGeom>
          <a:ln w="28575"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3" name="Freeform: Shape 52">
            <a:extLst>
              <a:ext uri="{FF2B5EF4-FFF2-40B4-BE49-F238E27FC236}">
                <a16:creationId xmlns:a16="http://schemas.microsoft.com/office/drawing/2014/main" id="{0683D3C0-7133-46D1-9D79-FDA1EF1FD9C2}"/>
              </a:ext>
            </a:extLst>
          </p:cNvPr>
          <p:cNvSpPr/>
          <p:nvPr/>
        </p:nvSpPr>
        <p:spPr bwMode="auto">
          <a:xfrm>
            <a:off x="6540137" y="3204754"/>
            <a:ext cx="1280160" cy="1645920"/>
          </a:xfrm>
          <a:custGeom>
            <a:avLst/>
            <a:gdLst>
              <a:gd name="connsiteX0" fmla="*/ 1280160 w 1280160"/>
              <a:gd name="connsiteY0" fmla="*/ 1645920 h 1645920"/>
              <a:gd name="connsiteX1" fmla="*/ 1271452 w 1280160"/>
              <a:gd name="connsiteY1" fmla="*/ 539932 h 1645920"/>
              <a:gd name="connsiteX2" fmla="*/ 949234 w 1280160"/>
              <a:gd name="connsiteY2" fmla="*/ 539932 h 1645920"/>
              <a:gd name="connsiteX3" fmla="*/ 931817 w 1280160"/>
              <a:gd name="connsiteY3" fmla="*/ 330926 h 1645920"/>
              <a:gd name="connsiteX4" fmla="*/ 0 w 1280160"/>
              <a:gd name="connsiteY4" fmla="*/ 182880 h 1645920"/>
              <a:gd name="connsiteX5" fmla="*/ 26126 w 1280160"/>
              <a:gd name="connsiteY5" fmla="*/ 0 h 16459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80160" h="1645920">
                <a:moveTo>
                  <a:pt x="1280160" y="1645920"/>
                </a:moveTo>
                <a:cubicBezTo>
                  <a:pt x="1277257" y="1277257"/>
                  <a:pt x="1274355" y="908595"/>
                  <a:pt x="1271452" y="539932"/>
                </a:cubicBezTo>
                <a:lnTo>
                  <a:pt x="949234" y="539932"/>
                </a:lnTo>
                <a:lnTo>
                  <a:pt x="931817" y="330926"/>
                </a:lnTo>
                <a:lnTo>
                  <a:pt x="0" y="182880"/>
                </a:lnTo>
                <a:lnTo>
                  <a:pt x="26126" y="0"/>
                </a:lnTo>
              </a:path>
            </a:pathLst>
          </a:custGeom>
          <a:ln w="28575">
            <a:solidFill>
              <a:schemeClr val="accent5"/>
            </a:solidFill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24D307AF-A660-4C84-8046-528049DA54FE}"/>
              </a:ext>
            </a:extLst>
          </p:cNvPr>
          <p:cNvCxnSpPr/>
          <p:nvPr/>
        </p:nvCxnSpPr>
        <p:spPr bwMode="auto">
          <a:xfrm flipV="1">
            <a:off x="7468402" y="5477692"/>
            <a:ext cx="0" cy="312705"/>
          </a:xfrm>
          <a:prstGeom prst="line">
            <a:avLst/>
          </a:prstGeom>
          <a:ln w="28575"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F02A4888-C584-456D-BD9D-2BDD085B024B}"/>
              </a:ext>
            </a:extLst>
          </p:cNvPr>
          <p:cNvCxnSpPr/>
          <p:nvPr/>
        </p:nvCxnSpPr>
        <p:spPr bwMode="auto">
          <a:xfrm flipV="1">
            <a:off x="10424962" y="5330448"/>
            <a:ext cx="0" cy="312705"/>
          </a:xfrm>
          <a:prstGeom prst="line">
            <a:avLst/>
          </a:prstGeom>
          <a:ln w="28575">
            <a:headEnd type="none" w="med" len="med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Freeform: Shape 55">
            <a:extLst>
              <a:ext uri="{FF2B5EF4-FFF2-40B4-BE49-F238E27FC236}">
                <a16:creationId xmlns:a16="http://schemas.microsoft.com/office/drawing/2014/main" id="{A574A856-1771-4BEC-890F-59BA1212F6BF}"/>
              </a:ext>
            </a:extLst>
          </p:cNvPr>
          <p:cNvSpPr/>
          <p:nvPr/>
        </p:nvSpPr>
        <p:spPr bwMode="auto">
          <a:xfrm>
            <a:off x="9901646" y="3169920"/>
            <a:ext cx="1097280" cy="2412274"/>
          </a:xfrm>
          <a:custGeom>
            <a:avLst/>
            <a:gdLst>
              <a:gd name="connsiteX0" fmla="*/ 566057 w 1097280"/>
              <a:gd name="connsiteY0" fmla="*/ 2220686 h 2412274"/>
              <a:gd name="connsiteX1" fmla="*/ 618308 w 1097280"/>
              <a:gd name="connsiteY1" fmla="*/ 2325189 h 2412274"/>
              <a:gd name="connsiteX2" fmla="*/ 1079863 w 1097280"/>
              <a:gd name="connsiteY2" fmla="*/ 2412274 h 2412274"/>
              <a:gd name="connsiteX3" fmla="*/ 1097280 w 1097280"/>
              <a:gd name="connsiteY3" fmla="*/ 1619794 h 2412274"/>
              <a:gd name="connsiteX4" fmla="*/ 809897 w 1097280"/>
              <a:gd name="connsiteY4" fmla="*/ 1428206 h 2412274"/>
              <a:gd name="connsiteX5" fmla="*/ 888274 w 1097280"/>
              <a:gd name="connsiteY5" fmla="*/ 487680 h 2412274"/>
              <a:gd name="connsiteX6" fmla="*/ 8708 w 1097280"/>
              <a:gd name="connsiteY6" fmla="*/ 235131 h 2412274"/>
              <a:gd name="connsiteX7" fmla="*/ 0 w 1097280"/>
              <a:gd name="connsiteY7" fmla="*/ 0 h 2412274"/>
              <a:gd name="connsiteX0" fmla="*/ 566057 w 1097280"/>
              <a:gd name="connsiteY0" fmla="*/ 2220686 h 2412274"/>
              <a:gd name="connsiteX1" fmla="*/ 618308 w 1097280"/>
              <a:gd name="connsiteY1" fmla="*/ 2325189 h 2412274"/>
              <a:gd name="connsiteX2" fmla="*/ 1079863 w 1097280"/>
              <a:gd name="connsiteY2" fmla="*/ 2412274 h 2412274"/>
              <a:gd name="connsiteX3" fmla="*/ 1097280 w 1097280"/>
              <a:gd name="connsiteY3" fmla="*/ 1619794 h 2412274"/>
              <a:gd name="connsiteX4" fmla="*/ 879566 w 1097280"/>
              <a:gd name="connsiteY4" fmla="*/ 1428206 h 2412274"/>
              <a:gd name="connsiteX5" fmla="*/ 888274 w 1097280"/>
              <a:gd name="connsiteY5" fmla="*/ 487680 h 2412274"/>
              <a:gd name="connsiteX6" fmla="*/ 8708 w 1097280"/>
              <a:gd name="connsiteY6" fmla="*/ 235131 h 2412274"/>
              <a:gd name="connsiteX7" fmla="*/ 0 w 1097280"/>
              <a:gd name="connsiteY7" fmla="*/ 0 h 24122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097280" h="2412274">
                <a:moveTo>
                  <a:pt x="566057" y="2220686"/>
                </a:moveTo>
                <a:lnTo>
                  <a:pt x="618308" y="2325189"/>
                </a:lnTo>
                <a:lnTo>
                  <a:pt x="1079863" y="2412274"/>
                </a:lnTo>
                <a:lnTo>
                  <a:pt x="1097280" y="1619794"/>
                </a:lnTo>
                <a:lnTo>
                  <a:pt x="879566" y="1428206"/>
                </a:lnTo>
                <a:cubicBezTo>
                  <a:pt x="882469" y="1114697"/>
                  <a:pt x="885371" y="801189"/>
                  <a:pt x="888274" y="487680"/>
                </a:cubicBezTo>
                <a:lnTo>
                  <a:pt x="8708" y="235131"/>
                </a:lnTo>
                <a:lnTo>
                  <a:pt x="0" y="0"/>
                </a:lnTo>
              </a:path>
            </a:pathLst>
          </a:custGeom>
          <a:ln w="28575"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65B22983-3621-4A18-88AE-7E57510FC753}"/>
              </a:ext>
            </a:extLst>
          </p:cNvPr>
          <p:cNvSpPr txBox="1"/>
          <p:nvPr/>
        </p:nvSpPr>
        <p:spPr bwMode="auto">
          <a:xfrm>
            <a:off x="9535120" y="4597569"/>
            <a:ext cx="883447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71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8CC7569F-6C0D-47D4-B868-407BA72C7676}"/>
              </a:ext>
            </a:extLst>
          </p:cNvPr>
          <p:cNvSpPr txBox="1"/>
          <p:nvPr/>
        </p:nvSpPr>
        <p:spPr bwMode="auto">
          <a:xfrm>
            <a:off x="10119086" y="1844675"/>
            <a:ext cx="662399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T3 0.3m</a:t>
            </a: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6EEB5D26-559E-423C-8D24-B478EB407606}"/>
              </a:ext>
            </a:extLst>
          </p:cNvPr>
          <p:cNvSpPr txBox="1"/>
          <p:nvPr/>
        </p:nvSpPr>
        <p:spPr bwMode="auto">
          <a:xfrm>
            <a:off x="9113035" y="2318576"/>
            <a:ext cx="893646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65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4EC7261F-D794-4262-8A77-697056F80BB9}"/>
              </a:ext>
            </a:extLst>
          </p:cNvPr>
          <p:cNvSpPr txBox="1"/>
          <p:nvPr/>
        </p:nvSpPr>
        <p:spPr bwMode="auto">
          <a:xfrm>
            <a:off x="6604266" y="4656505"/>
            <a:ext cx="883447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71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F60D3429-B3CC-4171-9299-60D6E3D43467}"/>
              </a:ext>
            </a:extLst>
          </p:cNvPr>
          <p:cNvSpPr txBox="1"/>
          <p:nvPr/>
        </p:nvSpPr>
        <p:spPr bwMode="auto">
          <a:xfrm>
            <a:off x="3772690" y="4559088"/>
            <a:ext cx="883447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71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C1A9E75A-DCFA-404F-940B-40D7394085B1}"/>
              </a:ext>
            </a:extLst>
          </p:cNvPr>
          <p:cNvSpPr txBox="1"/>
          <p:nvPr/>
        </p:nvSpPr>
        <p:spPr bwMode="auto">
          <a:xfrm>
            <a:off x="1843121" y="2019060"/>
            <a:ext cx="883447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71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33F51A92-C0EF-4967-8181-1FBBD8D37B36}"/>
              </a:ext>
            </a:extLst>
          </p:cNvPr>
          <p:cNvSpPr txBox="1"/>
          <p:nvPr/>
        </p:nvSpPr>
        <p:spPr bwMode="auto">
          <a:xfrm>
            <a:off x="5764294" y="2325444"/>
            <a:ext cx="893646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65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B79D94E6-39D5-427E-8114-7F5634C0F3A2}"/>
              </a:ext>
            </a:extLst>
          </p:cNvPr>
          <p:cNvSpPr txBox="1"/>
          <p:nvPr/>
        </p:nvSpPr>
        <p:spPr bwMode="auto">
          <a:xfrm>
            <a:off x="3139188" y="2296114"/>
            <a:ext cx="893646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65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8688649A-80A3-4A75-B820-58DE7F378F8A}"/>
              </a:ext>
            </a:extLst>
          </p:cNvPr>
          <p:cNvSpPr txBox="1"/>
          <p:nvPr/>
        </p:nvSpPr>
        <p:spPr bwMode="auto">
          <a:xfrm>
            <a:off x="1124759" y="2134586"/>
            <a:ext cx="893646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NI-LINK 6365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E082CCB1-9032-4598-9421-31B79DC7452A}"/>
              </a:ext>
            </a:extLst>
          </p:cNvPr>
          <p:cNvSpPr txBox="1"/>
          <p:nvPr/>
        </p:nvSpPr>
        <p:spPr bwMode="auto">
          <a:xfrm>
            <a:off x="6783478" y="1881548"/>
            <a:ext cx="662399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T3 0.3m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95D030-9A3B-4CA7-BF5F-DA0282BA085D}"/>
              </a:ext>
            </a:extLst>
          </p:cNvPr>
          <p:cNvSpPr txBox="1"/>
          <p:nvPr/>
        </p:nvSpPr>
        <p:spPr bwMode="auto">
          <a:xfrm>
            <a:off x="4168807" y="1858709"/>
            <a:ext cx="662399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T3 0.3m</a:t>
            </a: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024B470D-1F92-443D-BC5A-0EB6B373A808}"/>
              </a:ext>
            </a:extLst>
          </p:cNvPr>
          <p:cNvSpPr txBox="1"/>
          <p:nvPr/>
        </p:nvSpPr>
        <p:spPr bwMode="auto">
          <a:xfrm>
            <a:off x="1245076" y="3608919"/>
            <a:ext cx="662399" cy="23105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T3 0.3m</a:t>
            </a:r>
          </a:p>
        </p:txBody>
      </p:sp>
      <p:cxnSp>
        <p:nvCxnSpPr>
          <p:cNvPr id="69" name="Rak 6">
            <a:extLst>
              <a:ext uri="{FF2B5EF4-FFF2-40B4-BE49-F238E27FC236}">
                <a16:creationId xmlns:a16="http://schemas.microsoft.com/office/drawing/2014/main" id="{9AFB3326-3838-4E3A-8B5A-2E4642520339}"/>
              </a:ext>
            </a:extLst>
          </p:cNvPr>
          <p:cNvCxnSpPr>
            <a:cxnSpLocks/>
          </p:cNvCxnSpPr>
          <p:nvPr/>
        </p:nvCxnSpPr>
        <p:spPr bwMode="auto">
          <a:xfrm>
            <a:off x="479425" y="5609579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0" name="Rak 30">
            <a:extLst>
              <a:ext uri="{FF2B5EF4-FFF2-40B4-BE49-F238E27FC236}">
                <a16:creationId xmlns:a16="http://schemas.microsoft.com/office/drawing/2014/main" id="{F6AA3631-E80B-4CD5-AF71-7DAC6B1BBC6C}"/>
              </a:ext>
            </a:extLst>
          </p:cNvPr>
          <p:cNvCxnSpPr/>
          <p:nvPr/>
        </p:nvCxnSpPr>
        <p:spPr bwMode="auto">
          <a:xfrm>
            <a:off x="489980" y="6236569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1" name="Rak 6">
            <a:extLst>
              <a:ext uri="{FF2B5EF4-FFF2-40B4-BE49-F238E27FC236}">
                <a16:creationId xmlns:a16="http://schemas.microsoft.com/office/drawing/2014/main" id="{0CCEA907-501A-4AA8-ACEF-21864CC612C8}"/>
              </a:ext>
            </a:extLst>
          </p:cNvPr>
          <p:cNvCxnSpPr>
            <a:cxnSpLocks/>
          </p:cNvCxnSpPr>
          <p:nvPr/>
        </p:nvCxnSpPr>
        <p:spPr bwMode="auto">
          <a:xfrm>
            <a:off x="9122373" y="5866491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2" name="Rak 30">
            <a:extLst>
              <a:ext uri="{FF2B5EF4-FFF2-40B4-BE49-F238E27FC236}">
                <a16:creationId xmlns:a16="http://schemas.microsoft.com/office/drawing/2014/main" id="{9A0992C8-44E1-4EB9-A5C7-F54CD50B7A70}"/>
              </a:ext>
            </a:extLst>
          </p:cNvPr>
          <p:cNvCxnSpPr/>
          <p:nvPr/>
        </p:nvCxnSpPr>
        <p:spPr bwMode="auto">
          <a:xfrm>
            <a:off x="9132928" y="6240923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3" name="Rak 6">
            <a:extLst>
              <a:ext uri="{FF2B5EF4-FFF2-40B4-BE49-F238E27FC236}">
                <a16:creationId xmlns:a16="http://schemas.microsoft.com/office/drawing/2014/main" id="{B961EBE7-8D20-4755-9CAB-E3301235C5D7}"/>
              </a:ext>
            </a:extLst>
          </p:cNvPr>
          <p:cNvCxnSpPr>
            <a:cxnSpLocks/>
          </p:cNvCxnSpPr>
          <p:nvPr/>
        </p:nvCxnSpPr>
        <p:spPr bwMode="auto">
          <a:xfrm>
            <a:off x="6237859" y="5866491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4" name="Rak 30">
            <a:extLst>
              <a:ext uri="{FF2B5EF4-FFF2-40B4-BE49-F238E27FC236}">
                <a16:creationId xmlns:a16="http://schemas.microsoft.com/office/drawing/2014/main" id="{A9A1984F-925C-4F49-AAEA-97FF2DA1157B}"/>
              </a:ext>
            </a:extLst>
          </p:cNvPr>
          <p:cNvCxnSpPr/>
          <p:nvPr/>
        </p:nvCxnSpPr>
        <p:spPr bwMode="auto">
          <a:xfrm>
            <a:off x="6248414" y="6240923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5" name="Rak 6">
            <a:extLst>
              <a:ext uri="{FF2B5EF4-FFF2-40B4-BE49-F238E27FC236}">
                <a16:creationId xmlns:a16="http://schemas.microsoft.com/office/drawing/2014/main" id="{12E9D4D9-5E60-4734-B309-81AE743CF0C1}"/>
              </a:ext>
            </a:extLst>
          </p:cNvPr>
          <p:cNvCxnSpPr>
            <a:cxnSpLocks/>
          </p:cNvCxnSpPr>
          <p:nvPr/>
        </p:nvCxnSpPr>
        <p:spPr bwMode="auto">
          <a:xfrm>
            <a:off x="3349388" y="5866491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76" name="Rak 30">
            <a:extLst>
              <a:ext uri="{FF2B5EF4-FFF2-40B4-BE49-F238E27FC236}">
                <a16:creationId xmlns:a16="http://schemas.microsoft.com/office/drawing/2014/main" id="{39FA68D6-0F54-45A5-8F96-D3A7BA0A91C5}"/>
              </a:ext>
            </a:extLst>
          </p:cNvPr>
          <p:cNvCxnSpPr/>
          <p:nvPr/>
        </p:nvCxnSpPr>
        <p:spPr bwMode="auto">
          <a:xfrm>
            <a:off x="3359943" y="6240923"/>
            <a:ext cx="259238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</p:spTree>
    <p:extLst>
      <p:ext uri="{BB962C8B-B14F-4D97-AF65-F5344CB8AC3E}">
        <p14:creationId xmlns:p14="http://schemas.microsoft.com/office/powerpoint/2010/main" val="33750193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0F2692-1CF1-423B-9D40-F70A2696D1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INI-LINK 6371 – 1+0 do </a:t>
            </a:r>
            <a:r>
              <a:rPr lang="en-US" dirty="0" err="1"/>
              <a:t>dvou</a:t>
            </a:r>
            <a:r>
              <a:rPr lang="en-US" dirty="0"/>
              <a:t> </a:t>
            </a:r>
            <a:r>
              <a:rPr lang="en-US" dirty="0" err="1"/>
              <a:t>směrů</a:t>
            </a:r>
            <a:endParaRPr lang="en-US" dirty="0"/>
          </a:p>
        </p:txBody>
      </p: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1A7EB49-2670-4915-93C8-4D4F6430DC85}"/>
              </a:ext>
            </a:extLst>
          </p:cNvPr>
          <p:cNvGrpSpPr/>
          <p:nvPr/>
        </p:nvGrpSpPr>
        <p:grpSpPr>
          <a:xfrm>
            <a:off x="2806319" y="1582663"/>
            <a:ext cx="4738995" cy="4435709"/>
            <a:chOff x="790545" y="2217419"/>
            <a:chExt cx="4738995" cy="4435709"/>
          </a:xfrm>
        </p:grpSpPr>
        <p:pic>
          <p:nvPicPr>
            <p:cNvPr id="47" name="Picture 46">
              <a:extLst>
                <a:ext uri="{FF2B5EF4-FFF2-40B4-BE49-F238E27FC236}">
                  <a16:creationId xmlns:a16="http://schemas.microsoft.com/office/drawing/2014/main" id="{639B81F6-6463-4609-883A-42886CEAC8B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450555" y="2330442"/>
              <a:ext cx="1812254" cy="1645593"/>
            </a:xfrm>
            <a:prstGeom prst="rect">
              <a:avLst/>
            </a:prstGeom>
          </p:spPr>
        </p:pic>
        <p:sp>
          <p:nvSpPr>
            <p:cNvPr id="48" name="Cylinder 47">
              <a:extLst>
                <a:ext uri="{FF2B5EF4-FFF2-40B4-BE49-F238E27FC236}">
                  <a16:creationId xmlns:a16="http://schemas.microsoft.com/office/drawing/2014/main" id="{37FBB0FB-CD8D-4AF6-88A3-36774727A45E}"/>
                </a:ext>
              </a:extLst>
            </p:cNvPr>
            <p:cNvSpPr/>
            <p:nvPr/>
          </p:nvSpPr>
          <p:spPr bwMode="auto">
            <a:xfrm>
              <a:off x="3901740" y="2249701"/>
              <a:ext cx="335350" cy="4241912"/>
            </a:xfrm>
            <a:prstGeom prst="can">
              <a:avLst/>
            </a:prstGeom>
            <a:solidFill>
              <a:schemeClr val="tx1">
                <a:lumMod val="50000"/>
                <a:lumOff val="5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BCEE5B-59E1-4116-B1B9-CCE4A72A2464}"/>
                </a:ext>
              </a:extLst>
            </p:cNvPr>
            <p:cNvSpPr/>
            <p:nvPr/>
          </p:nvSpPr>
          <p:spPr bwMode="auto">
            <a:xfrm>
              <a:off x="2868862" y="3606138"/>
              <a:ext cx="1012757" cy="2461467"/>
            </a:xfrm>
            <a:custGeom>
              <a:avLst/>
              <a:gdLst>
                <a:gd name="connsiteX0" fmla="*/ 1018903 w 1314995"/>
                <a:gd name="connsiteY0" fmla="*/ 2969623 h 3196046"/>
                <a:gd name="connsiteX1" fmla="*/ 1306286 w 1314995"/>
                <a:gd name="connsiteY1" fmla="*/ 3196046 h 3196046"/>
                <a:gd name="connsiteX2" fmla="*/ 1314995 w 1314995"/>
                <a:gd name="connsiteY2" fmla="*/ 609600 h 3196046"/>
                <a:gd name="connsiteX3" fmla="*/ 26126 w 1314995"/>
                <a:gd name="connsiteY3" fmla="*/ 261257 h 3196046"/>
                <a:gd name="connsiteX4" fmla="*/ 0 w 1314995"/>
                <a:gd name="connsiteY4" fmla="*/ 0 h 3196046"/>
                <a:gd name="connsiteX0" fmla="*/ 623118 w 1314995"/>
                <a:gd name="connsiteY0" fmla="*/ 2761495 h 3196046"/>
                <a:gd name="connsiteX1" fmla="*/ 1306286 w 1314995"/>
                <a:gd name="connsiteY1" fmla="*/ 3196046 h 3196046"/>
                <a:gd name="connsiteX2" fmla="*/ 1314995 w 1314995"/>
                <a:gd name="connsiteY2" fmla="*/ 609600 h 3196046"/>
                <a:gd name="connsiteX3" fmla="*/ 26126 w 1314995"/>
                <a:gd name="connsiteY3" fmla="*/ 261257 h 3196046"/>
                <a:gd name="connsiteX4" fmla="*/ 0 w 1314995"/>
                <a:gd name="connsiteY4" fmla="*/ 0 h 3196046"/>
                <a:gd name="connsiteX0" fmla="*/ 623118 w 1314995"/>
                <a:gd name="connsiteY0" fmla="*/ 2761495 h 3196046"/>
                <a:gd name="connsiteX1" fmla="*/ 618536 w 1314995"/>
                <a:gd name="connsiteY1" fmla="*/ 2759545 h 3196046"/>
                <a:gd name="connsiteX2" fmla="*/ 1306286 w 1314995"/>
                <a:gd name="connsiteY2" fmla="*/ 3196046 h 3196046"/>
                <a:gd name="connsiteX3" fmla="*/ 1314995 w 1314995"/>
                <a:gd name="connsiteY3" fmla="*/ 609600 h 3196046"/>
                <a:gd name="connsiteX4" fmla="*/ 26126 w 1314995"/>
                <a:gd name="connsiteY4" fmla="*/ 261257 h 3196046"/>
                <a:gd name="connsiteX5" fmla="*/ 0 w 1314995"/>
                <a:gd name="connsiteY5" fmla="*/ 0 h 3196046"/>
                <a:gd name="connsiteX0" fmla="*/ 623118 w 1314995"/>
                <a:gd name="connsiteY0" fmla="*/ 2761495 h 3196046"/>
                <a:gd name="connsiteX1" fmla="*/ 618536 w 1314995"/>
                <a:gd name="connsiteY1" fmla="*/ 2759545 h 3196046"/>
                <a:gd name="connsiteX2" fmla="*/ 755014 w 1314995"/>
                <a:gd name="connsiteY2" fmla="*/ 2841432 h 3196046"/>
                <a:gd name="connsiteX3" fmla="*/ 1306286 w 1314995"/>
                <a:gd name="connsiteY3" fmla="*/ 3196046 h 3196046"/>
                <a:gd name="connsiteX4" fmla="*/ 1314995 w 1314995"/>
                <a:gd name="connsiteY4" fmla="*/ 609600 h 3196046"/>
                <a:gd name="connsiteX5" fmla="*/ 26126 w 1314995"/>
                <a:gd name="connsiteY5" fmla="*/ 261257 h 3196046"/>
                <a:gd name="connsiteX6" fmla="*/ 0 w 1314995"/>
                <a:gd name="connsiteY6" fmla="*/ 0 h 3196046"/>
                <a:gd name="connsiteX0" fmla="*/ 623118 w 1314995"/>
                <a:gd name="connsiteY0" fmla="*/ 2761495 h 3196046"/>
                <a:gd name="connsiteX1" fmla="*/ 628772 w 1314995"/>
                <a:gd name="connsiteY1" fmla="*/ 2674247 h 3196046"/>
                <a:gd name="connsiteX2" fmla="*/ 755014 w 1314995"/>
                <a:gd name="connsiteY2" fmla="*/ 2841432 h 3196046"/>
                <a:gd name="connsiteX3" fmla="*/ 1306286 w 1314995"/>
                <a:gd name="connsiteY3" fmla="*/ 3196046 h 3196046"/>
                <a:gd name="connsiteX4" fmla="*/ 1314995 w 1314995"/>
                <a:gd name="connsiteY4" fmla="*/ 609600 h 3196046"/>
                <a:gd name="connsiteX5" fmla="*/ 26126 w 1314995"/>
                <a:gd name="connsiteY5" fmla="*/ 261257 h 3196046"/>
                <a:gd name="connsiteX6" fmla="*/ 0 w 1314995"/>
                <a:gd name="connsiteY6" fmla="*/ 0 h 3196046"/>
                <a:gd name="connsiteX0" fmla="*/ 623118 w 1314995"/>
                <a:gd name="connsiteY0" fmla="*/ 2761495 h 3196046"/>
                <a:gd name="connsiteX1" fmla="*/ 628772 w 1314995"/>
                <a:gd name="connsiteY1" fmla="*/ 2674247 h 3196046"/>
                <a:gd name="connsiteX2" fmla="*/ 703835 w 1314995"/>
                <a:gd name="connsiteY2" fmla="*/ 2834608 h 3196046"/>
                <a:gd name="connsiteX3" fmla="*/ 1306286 w 1314995"/>
                <a:gd name="connsiteY3" fmla="*/ 3196046 h 3196046"/>
                <a:gd name="connsiteX4" fmla="*/ 1314995 w 1314995"/>
                <a:gd name="connsiteY4" fmla="*/ 609600 h 3196046"/>
                <a:gd name="connsiteX5" fmla="*/ 26126 w 1314995"/>
                <a:gd name="connsiteY5" fmla="*/ 261257 h 3196046"/>
                <a:gd name="connsiteX6" fmla="*/ 0 w 1314995"/>
                <a:gd name="connsiteY6" fmla="*/ 0 h 3196046"/>
                <a:gd name="connsiteX0" fmla="*/ 628772 w 1314995"/>
                <a:gd name="connsiteY0" fmla="*/ 2674247 h 3196046"/>
                <a:gd name="connsiteX1" fmla="*/ 703835 w 1314995"/>
                <a:gd name="connsiteY1" fmla="*/ 2834608 h 3196046"/>
                <a:gd name="connsiteX2" fmla="*/ 1306286 w 1314995"/>
                <a:gd name="connsiteY2" fmla="*/ 3196046 h 3196046"/>
                <a:gd name="connsiteX3" fmla="*/ 1314995 w 1314995"/>
                <a:gd name="connsiteY3" fmla="*/ 609600 h 3196046"/>
                <a:gd name="connsiteX4" fmla="*/ 26126 w 1314995"/>
                <a:gd name="connsiteY4" fmla="*/ 261257 h 3196046"/>
                <a:gd name="connsiteX5" fmla="*/ 0 w 1314995"/>
                <a:gd name="connsiteY5" fmla="*/ 0 h 319604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314995" h="3196046">
                  <a:moveTo>
                    <a:pt x="628772" y="2674247"/>
                  </a:moveTo>
                  <a:lnTo>
                    <a:pt x="703835" y="2834608"/>
                  </a:lnTo>
                  <a:lnTo>
                    <a:pt x="1306286" y="3196046"/>
                  </a:lnTo>
                  <a:lnTo>
                    <a:pt x="1314995" y="609600"/>
                  </a:lnTo>
                  <a:lnTo>
                    <a:pt x="26126" y="261257"/>
                  </a:lnTo>
                  <a:lnTo>
                    <a:pt x="0" y="0"/>
                  </a:lnTo>
                </a:path>
              </a:pathLst>
            </a:custGeom>
            <a:ln w="38100">
              <a:solidFill>
                <a:schemeClr val="accent5"/>
              </a:solidFill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pic>
          <p:nvPicPr>
            <p:cNvPr id="50" name="Picture 49" descr="A picture containing light&#10;&#10;Description automatically generated">
              <a:extLst>
                <a:ext uri="{FF2B5EF4-FFF2-40B4-BE49-F238E27FC236}">
                  <a16:creationId xmlns:a16="http://schemas.microsoft.com/office/drawing/2014/main" id="{2FB91CC5-A5D4-4864-BAA8-AD63B66BEC22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930722" y="4549100"/>
              <a:ext cx="2112414" cy="1571323"/>
            </a:xfrm>
            <a:prstGeom prst="rect">
              <a:avLst/>
            </a:prstGeom>
          </p:spPr>
        </p:pic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2EC025B1-9E9F-4756-81EE-5D04C9392BAA}"/>
                </a:ext>
              </a:extLst>
            </p:cNvPr>
            <p:cNvSpPr txBox="1"/>
            <p:nvPr/>
          </p:nvSpPr>
          <p:spPr bwMode="auto">
            <a:xfrm>
              <a:off x="2843043" y="4413622"/>
              <a:ext cx="1027278" cy="209427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371</a:t>
              </a:r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EC3B1011-0C18-4EFB-87CB-5E414F84B4B9}"/>
                </a:ext>
              </a:extLst>
            </p:cNvPr>
            <p:cNvSpPr txBox="1"/>
            <p:nvPr/>
          </p:nvSpPr>
          <p:spPr bwMode="auto">
            <a:xfrm>
              <a:off x="1768796" y="3632777"/>
              <a:ext cx="1027278" cy="209427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365</a:t>
              </a:r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C83878C7-DA88-4D76-87D8-51DCBA740972}"/>
                </a:ext>
              </a:extLst>
            </p:cNvPr>
            <p:cNvSpPr txBox="1"/>
            <p:nvPr/>
          </p:nvSpPr>
          <p:spPr bwMode="auto">
            <a:xfrm>
              <a:off x="1877368" y="4544745"/>
              <a:ext cx="1027278" cy="209427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MINI-LINK 6365</a:t>
              </a:r>
            </a:p>
          </p:txBody>
        </p:sp>
        <p:sp>
          <p:nvSpPr>
            <p:cNvPr id="54" name="TextBox 53">
              <a:extLst>
                <a:ext uri="{FF2B5EF4-FFF2-40B4-BE49-F238E27FC236}">
                  <a16:creationId xmlns:a16="http://schemas.microsoft.com/office/drawing/2014/main" id="{53E31909-4B36-4CF7-A6F5-90E10597A4CA}"/>
                </a:ext>
              </a:extLst>
            </p:cNvPr>
            <p:cNvSpPr txBox="1"/>
            <p:nvPr/>
          </p:nvSpPr>
          <p:spPr bwMode="auto">
            <a:xfrm>
              <a:off x="3029832" y="2217419"/>
              <a:ext cx="704236" cy="209427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ANT3 0.3m</a:t>
              </a:r>
            </a:p>
          </p:txBody>
        </p:sp>
        <p:sp>
          <p:nvSpPr>
            <p:cNvPr id="55" name="TextBox 54">
              <a:extLst>
                <a:ext uri="{FF2B5EF4-FFF2-40B4-BE49-F238E27FC236}">
                  <a16:creationId xmlns:a16="http://schemas.microsoft.com/office/drawing/2014/main" id="{59B81A15-A26F-4449-9A7A-D79368C8B845}"/>
                </a:ext>
              </a:extLst>
            </p:cNvPr>
            <p:cNvSpPr txBox="1"/>
            <p:nvPr/>
          </p:nvSpPr>
          <p:spPr bwMode="auto">
            <a:xfrm>
              <a:off x="1686771" y="5950817"/>
              <a:ext cx="704236" cy="209427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100" b="0" i="0" u="none" strike="noStrike" kern="1200" cap="none" spc="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ANT3 0.3m</a:t>
              </a:r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0B6134EF-9A89-4B37-B895-6AAC06211FE6}"/>
                </a:ext>
              </a:extLst>
            </p:cNvPr>
            <p:cNvSpPr/>
            <p:nvPr/>
          </p:nvSpPr>
          <p:spPr bwMode="auto">
            <a:xfrm>
              <a:off x="4002506" y="5731041"/>
              <a:ext cx="938448" cy="747537"/>
            </a:xfrm>
            <a:custGeom>
              <a:avLst/>
              <a:gdLst>
                <a:gd name="connsiteX0" fmla="*/ 12032 w 248653"/>
                <a:gd name="connsiteY0" fmla="*/ 0 h 753979"/>
                <a:gd name="connsiteX1" fmla="*/ 0 w 248653"/>
                <a:gd name="connsiteY1" fmla="*/ 336884 h 753979"/>
                <a:gd name="connsiteX2" fmla="*/ 248653 w 248653"/>
                <a:gd name="connsiteY2" fmla="*/ 537410 h 753979"/>
                <a:gd name="connsiteX3" fmla="*/ 244642 w 248653"/>
                <a:gd name="connsiteY3" fmla="*/ 753979 h 753979"/>
                <a:gd name="connsiteX0" fmla="*/ 12032 w 931333"/>
                <a:gd name="connsiteY0" fmla="*/ 0 h 750421"/>
                <a:gd name="connsiteX1" fmla="*/ 0 w 931333"/>
                <a:gd name="connsiteY1" fmla="*/ 336884 h 750421"/>
                <a:gd name="connsiteX2" fmla="*/ 248653 w 931333"/>
                <a:gd name="connsiteY2" fmla="*/ 537410 h 750421"/>
                <a:gd name="connsiteX3" fmla="*/ 931332 w 931333"/>
                <a:gd name="connsiteY3" fmla="*/ 750421 h 750421"/>
                <a:gd name="connsiteX0" fmla="*/ 12032 w 931332"/>
                <a:gd name="connsiteY0" fmla="*/ 0 h 750421"/>
                <a:gd name="connsiteX1" fmla="*/ 0 w 931332"/>
                <a:gd name="connsiteY1" fmla="*/ 336884 h 750421"/>
                <a:gd name="connsiteX2" fmla="*/ 248653 w 931332"/>
                <a:gd name="connsiteY2" fmla="*/ 537410 h 750421"/>
                <a:gd name="connsiteX3" fmla="*/ 931332 w 931332"/>
                <a:gd name="connsiteY3" fmla="*/ 750421 h 750421"/>
                <a:gd name="connsiteX0" fmla="*/ 12032 w 931332"/>
                <a:gd name="connsiteY0" fmla="*/ 0 h 750421"/>
                <a:gd name="connsiteX1" fmla="*/ 0 w 931332"/>
                <a:gd name="connsiteY1" fmla="*/ 336884 h 750421"/>
                <a:gd name="connsiteX2" fmla="*/ 248653 w 931332"/>
                <a:gd name="connsiteY2" fmla="*/ 537410 h 750421"/>
                <a:gd name="connsiteX3" fmla="*/ 573052 w 931332"/>
                <a:gd name="connsiteY3" fmla="*/ 666201 h 750421"/>
                <a:gd name="connsiteX4" fmla="*/ 931332 w 931332"/>
                <a:gd name="connsiteY4" fmla="*/ 750421 h 750421"/>
                <a:gd name="connsiteX0" fmla="*/ 12032 w 931332"/>
                <a:gd name="connsiteY0" fmla="*/ 0 h 758766"/>
                <a:gd name="connsiteX1" fmla="*/ 0 w 931332"/>
                <a:gd name="connsiteY1" fmla="*/ 336884 h 758766"/>
                <a:gd name="connsiteX2" fmla="*/ 248653 w 931332"/>
                <a:gd name="connsiteY2" fmla="*/ 537410 h 758766"/>
                <a:gd name="connsiteX3" fmla="*/ 256392 w 931332"/>
                <a:gd name="connsiteY3" fmla="*/ 744477 h 758766"/>
                <a:gd name="connsiteX4" fmla="*/ 931332 w 931332"/>
                <a:gd name="connsiteY4" fmla="*/ 750421 h 758766"/>
                <a:gd name="connsiteX0" fmla="*/ 12032 w 931332"/>
                <a:gd name="connsiteY0" fmla="*/ 0 h 758766"/>
                <a:gd name="connsiteX1" fmla="*/ 0 w 931332"/>
                <a:gd name="connsiteY1" fmla="*/ 336884 h 758766"/>
                <a:gd name="connsiteX2" fmla="*/ 248653 w 931332"/>
                <a:gd name="connsiteY2" fmla="*/ 537410 h 758766"/>
                <a:gd name="connsiteX3" fmla="*/ 256392 w 931332"/>
                <a:gd name="connsiteY3" fmla="*/ 744477 h 758766"/>
                <a:gd name="connsiteX4" fmla="*/ 931332 w 931332"/>
                <a:gd name="connsiteY4" fmla="*/ 750421 h 758766"/>
                <a:gd name="connsiteX0" fmla="*/ 12032 w 931332"/>
                <a:gd name="connsiteY0" fmla="*/ 0 h 758766"/>
                <a:gd name="connsiteX1" fmla="*/ 0 w 931332"/>
                <a:gd name="connsiteY1" fmla="*/ 336884 h 758766"/>
                <a:gd name="connsiteX2" fmla="*/ 248653 w 931332"/>
                <a:gd name="connsiteY2" fmla="*/ 537410 h 758766"/>
                <a:gd name="connsiteX3" fmla="*/ 256392 w 931332"/>
                <a:gd name="connsiteY3" fmla="*/ 744477 h 758766"/>
                <a:gd name="connsiteX4" fmla="*/ 931332 w 931332"/>
                <a:gd name="connsiteY4" fmla="*/ 750421 h 758766"/>
                <a:gd name="connsiteX0" fmla="*/ 12032 w 931332"/>
                <a:gd name="connsiteY0" fmla="*/ 0 h 758766"/>
                <a:gd name="connsiteX1" fmla="*/ 0 w 931332"/>
                <a:gd name="connsiteY1" fmla="*/ 336884 h 758766"/>
                <a:gd name="connsiteX2" fmla="*/ 248653 w 931332"/>
                <a:gd name="connsiteY2" fmla="*/ 537410 h 758766"/>
                <a:gd name="connsiteX3" fmla="*/ 235044 w 931332"/>
                <a:gd name="connsiteY3" fmla="*/ 744477 h 758766"/>
                <a:gd name="connsiteX4" fmla="*/ 931332 w 931332"/>
                <a:gd name="connsiteY4" fmla="*/ 750421 h 758766"/>
                <a:gd name="connsiteX0" fmla="*/ 12032 w 931332"/>
                <a:gd name="connsiteY0" fmla="*/ 0 h 750950"/>
                <a:gd name="connsiteX1" fmla="*/ 0 w 931332"/>
                <a:gd name="connsiteY1" fmla="*/ 336884 h 750950"/>
                <a:gd name="connsiteX2" fmla="*/ 248653 w 931332"/>
                <a:gd name="connsiteY2" fmla="*/ 537410 h 750950"/>
                <a:gd name="connsiteX3" fmla="*/ 235044 w 931332"/>
                <a:gd name="connsiteY3" fmla="*/ 744477 h 750950"/>
                <a:gd name="connsiteX4" fmla="*/ 931332 w 931332"/>
                <a:gd name="connsiteY4" fmla="*/ 750421 h 750950"/>
                <a:gd name="connsiteX0" fmla="*/ 12032 w 931332"/>
                <a:gd name="connsiteY0" fmla="*/ 0 h 750421"/>
                <a:gd name="connsiteX1" fmla="*/ 0 w 931332"/>
                <a:gd name="connsiteY1" fmla="*/ 336884 h 750421"/>
                <a:gd name="connsiteX2" fmla="*/ 248653 w 931332"/>
                <a:gd name="connsiteY2" fmla="*/ 537410 h 750421"/>
                <a:gd name="connsiteX3" fmla="*/ 249276 w 931332"/>
                <a:gd name="connsiteY3" fmla="*/ 740919 h 750421"/>
                <a:gd name="connsiteX4" fmla="*/ 931332 w 931332"/>
                <a:gd name="connsiteY4" fmla="*/ 750421 h 750421"/>
                <a:gd name="connsiteX0" fmla="*/ 12032 w 938448"/>
                <a:gd name="connsiteY0" fmla="*/ 0 h 744956"/>
                <a:gd name="connsiteX1" fmla="*/ 0 w 938448"/>
                <a:gd name="connsiteY1" fmla="*/ 336884 h 744956"/>
                <a:gd name="connsiteX2" fmla="*/ 248653 w 938448"/>
                <a:gd name="connsiteY2" fmla="*/ 537410 h 744956"/>
                <a:gd name="connsiteX3" fmla="*/ 249276 w 938448"/>
                <a:gd name="connsiteY3" fmla="*/ 740919 h 744956"/>
                <a:gd name="connsiteX4" fmla="*/ 938448 w 938448"/>
                <a:gd name="connsiteY4" fmla="*/ 725516 h 744956"/>
                <a:gd name="connsiteX0" fmla="*/ 12032 w 938448"/>
                <a:gd name="connsiteY0" fmla="*/ 0 h 747537"/>
                <a:gd name="connsiteX1" fmla="*/ 0 w 938448"/>
                <a:gd name="connsiteY1" fmla="*/ 336884 h 747537"/>
                <a:gd name="connsiteX2" fmla="*/ 248653 w 938448"/>
                <a:gd name="connsiteY2" fmla="*/ 537410 h 747537"/>
                <a:gd name="connsiteX3" fmla="*/ 249276 w 938448"/>
                <a:gd name="connsiteY3" fmla="*/ 740919 h 747537"/>
                <a:gd name="connsiteX4" fmla="*/ 938448 w 938448"/>
                <a:gd name="connsiteY4" fmla="*/ 725516 h 7475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38448" h="747537">
                  <a:moveTo>
                    <a:pt x="12032" y="0"/>
                  </a:moveTo>
                  <a:lnTo>
                    <a:pt x="0" y="336884"/>
                  </a:lnTo>
                  <a:lnTo>
                    <a:pt x="248653" y="537410"/>
                  </a:lnTo>
                  <a:cubicBezTo>
                    <a:pt x="251654" y="617202"/>
                    <a:pt x="252909" y="655605"/>
                    <a:pt x="249276" y="740919"/>
                  </a:cubicBezTo>
                  <a:cubicBezTo>
                    <a:pt x="377288" y="758631"/>
                    <a:pt x="878735" y="736385"/>
                    <a:pt x="938448" y="725516"/>
                  </a:cubicBezTo>
                </a:path>
              </a:pathLst>
            </a:custGeom>
            <a:ln w="38100"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pic>
          <p:nvPicPr>
            <p:cNvPr id="57" name="Graphic 11">
              <a:extLst>
                <a:ext uri="{FF2B5EF4-FFF2-40B4-BE49-F238E27FC236}">
                  <a16:creationId xmlns:a16="http://schemas.microsoft.com/office/drawing/2014/main" id="{90CA2FEC-4A7C-4668-A902-51A13281D9D5}"/>
                </a:ext>
              </a:extLst>
            </p:cNvPr>
            <p:cNvPicPr>
              <a:picLocks noChangeAspect="1"/>
            </p:cNvPicPr>
            <p:nvPr>
              <p:custDataLst>
                <p:tags r:id="rId1"/>
              </p:custDataLst>
            </p:nvPr>
          </p:nvPicPr>
          <p:blipFill>
            <a:blip r:embed="rId6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rcRect/>
            <a:stretch>
              <a:fillRect/>
            </a:stretch>
          </p:blipFill>
          <p:spPr>
            <a:xfrm>
              <a:off x="4434165" y="5557753"/>
              <a:ext cx="1095375" cy="1095375"/>
            </a:xfrm>
            <a:prstGeom prst="rect">
              <a:avLst/>
            </a:prstGeom>
          </p:spPr>
        </p:pic>
        <p:sp>
          <p:nvSpPr>
            <p:cNvPr id="59" name="TextBox 58">
              <a:extLst>
                <a:ext uri="{FF2B5EF4-FFF2-40B4-BE49-F238E27FC236}">
                  <a16:creationId xmlns:a16="http://schemas.microsoft.com/office/drawing/2014/main" id="{E30EC76B-F019-4E0E-8BF3-297CC448C9D5}"/>
                </a:ext>
              </a:extLst>
            </p:cNvPr>
            <p:cNvSpPr txBox="1"/>
            <p:nvPr/>
          </p:nvSpPr>
          <p:spPr bwMode="auto">
            <a:xfrm rot="20301645">
              <a:off x="4494425" y="2837117"/>
              <a:ext cx="974855" cy="432989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1.4Gbps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112 MHz CS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" name="TextBox 59">
              <a:extLst>
                <a:ext uri="{FF2B5EF4-FFF2-40B4-BE49-F238E27FC236}">
                  <a16:creationId xmlns:a16="http://schemas.microsoft.com/office/drawing/2014/main" id="{48E72895-CE79-4ACF-BD28-A5CE4F887D85}"/>
                </a:ext>
              </a:extLst>
            </p:cNvPr>
            <p:cNvSpPr txBox="1"/>
            <p:nvPr/>
          </p:nvSpPr>
          <p:spPr bwMode="auto">
            <a:xfrm rot="20500724">
              <a:off x="790545" y="5283057"/>
              <a:ext cx="974855" cy="432989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non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1.4Gbps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112 MHz CS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</p:grpSp>
      <p:sp>
        <p:nvSpPr>
          <p:cNvPr id="62" name="Freeform 8">
            <a:extLst>
              <a:ext uri="{FF2B5EF4-FFF2-40B4-BE49-F238E27FC236}">
                <a16:creationId xmlns:a16="http://schemas.microsoft.com/office/drawing/2014/main" id="{4316EF59-77CC-490D-BB7F-B160BF6D8515}"/>
              </a:ext>
            </a:extLst>
          </p:cNvPr>
          <p:cNvSpPr>
            <a:spLocks/>
          </p:cNvSpPr>
          <p:nvPr/>
        </p:nvSpPr>
        <p:spPr bwMode="auto">
          <a:xfrm rot="3777015">
            <a:off x="6727141" y="1466767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  <p:sp>
        <p:nvSpPr>
          <p:cNvPr id="63" name="Freeform 8">
            <a:extLst>
              <a:ext uri="{FF2B5EF4-FFF2-40B4-BE49-F238E27FC236}">
                <a16:creationId xmlns:a16="http://schemas.microsoft.com/office/drawing/2014/main" id="{4D720E91-5F1E-4DB9-95F4-75B3D3F37E8D}"/>
              </a:ext>
            </a:extLst>
          </p:cNvPr>
          <p:cNvSpPr>
            <a:spLocks/>
          </p:cNvSpPr>
          <p:nvPr/>
        </p:nvSpPr>
        <p:spPr bwMode="auto">
          <a:xfrm rot="3777015">
            <a:off x="3379747" y="4594078"/>
            <a:ext cx="220663" cy="1200150"/>
          </a:xfrm>
          <a:custGeom>
            <a:avLst/>
            <a:gdLst>
              <a:gd name="T0" fmla="*/ 2147483647 w 94"/>
              <a:gd name="T1" fmla="*/ 0 h 612"/>
              <a:gd name="T2" fmla="*/ 2147483647 w 94"/>
              <a:gd name="T3" fmla="*/ 2147483647 h 612"/>
              <a:gd name="T4" fmla="*/ 2147483647 w 94"/>
              <a:gd name="T5" fmla="*/ 2147483647 h 612"/>
              <a:gd name="T6" fmla="*/ 2147483647 w 94"/>
              <a:gd name="T7" fmla="*/ 2147483647 h 612"/>
              <a:gd name="T8" fmla="*/ 2147483647 w 94"/>
              <a:gd name="T9" fmla="*/ 2147483647 h 612"/>
              <a:gd name="T10" fmla="*/ 0 w 94"/>
              <a:gd name="T11" fmla="*/ 2147483647 h 612"/>
              <a:gd name="T12" fmla="*/ 2147483647 w 94"/>
              <a:gd name="T13" fmla="*/ 0 h 612"/>
              <a:gd name="T14" fmla="*/ 0 60000 65536"/>
              <a:gd name="T15" fmla="*/ 0 60000 65536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</a:gdLst>
            <a:ahLst/>
            <a:cxnLst>
              <a:cxn ang="T14">
                <a:pos x="T0" y="T1"/>
              </a:cxn>
              <a:cxn ang="T15">
                <a:pos x="T2" y="T3"/>
              </a:cxn>
              <a:cxn ang="T16">
                <a:pos x="T4" y="T5"/>
              </a:cxn>
              <a:cxn ang="T17">
                <a:pos x="T6" y="T7"/>
              </a:cxn>
              <a:cxn ang="T18">
                <a:pos x="T8" y="T9"/>
              </a:cxn>
              <a:cxn ang="T19">
                <a:pos x="T10" y="T11"/>
              </a:cxn>
              <a:cxn ang="T20">
                <a:pos x="T12" y="T13"/>
              </a:cxn>
            </a:cxnLst>
            <a:rect l="0" t="0" r="r" b="b"/>
            <a:pathLst>
              <a:path w="94" h="612">
                <a:moveTo>
                  <a:pt x="47" y="0"/>
                </a:moveTo>
                <a:lnTo>
                  <a:pt x="29" y="306"/>
                </a:lnTo>
                <a:lnTo>
                  <a:pt x="94" y="264"/>
                </a:lnTo>
                <a:lnTo>
                  <a:pt x="47" y="612"/>
                </a:lnTo>
                <a:lnTo>
                  <a:pt x="65" y="306"/>
                </a:lnTo>
                <a:lnTo>
                  <a:pt x="0" y="348"/>
                </a:lnTo>
                <a:lnTo>
                  <a:pt x="47" y="0"/>
                </a:lnTo>
                <a:close/>
              </a:path>
            </a:pathLst>
          </a:custGeom>
          <a:solidFill>
            <a:srgbClr val="E95C38"/>
          </a:solidFill>
          <a:ln w="12700" cap="flat" cmpd="sng" algn="ctr">
            <a:solidFill>
              <a:srgbClr val="E95C38"/>
            </a:solidFill>
            <a:prstDash val="solid"/>
            <a:round/>
            <a:headEnd type="none" w="med" len="med"/>
            <a:tailEnd type="none" w="med" len="med"/>
          </a:ln>
        </p:spPr>
        <p:txBody>
          <a:bodyPr lIns="91436" tIns="45718" rIns="91436" bIns="45718"/>
          <a:lstStyle/>
          <a:p>
            <a:pPr marL="0" indent="0">
              <a:buNone/>
            </a:pPr>
            <a:endParaRPr lang="en-US" dirty="0">
              <a:solidFill>
                <a:srgbClr val="58585A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249381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>
            <a:extLst>
              <a:ext uri="{FF2B5EF4-FFF2-40B4-BE49-F238E27FC236}">
                <a16:creationId xmlns:a16="http://schemas.microsoft.com/office/drawing/2014/main" id="{42C055E6-88BD-41A6-BBA1-DC1691BDB8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10895158" cy="1081088"/>
          </a:xfrm>
        </p:spPr>
        <p:txBody>
          <a:bodyPr/>
          <a:lstStyle/>
          <a:p>
            <a:r>
              <a:rPr lang="en-US" dirty="0"/>
              <a:t>MINI-LINK 6651/4</a:t>
            </a:r>
          </a:p>
        </p:txBody>
      </p:sp>
      <p:sp>
        <p:nvSpPr>
          <p:cNvPr id="3" name="Rectangle 1">
            <a:extLst>
              <a:ext uri="{FF2B5EF4-FFF2-40B4-BE49-F238E27FC236}">
                <a16:creationId xmlns:a16="http://schemas.microsoft.com/office/drawing/2014/main" id="{709EA192-C1FC-4162-A62A-A2E58C845D0C}"/>
              </a:ext>
            </a:extLst>
          </p:cNvPr>
          <p:cNvSpPr/>
          <p:nvPr/>
        </p:nvSpPr>
        <p:spPr bwMode="auto">
          <a:xfrm>
            <a:off x="256013" y="4522295"/>
            <a:ext cx="3831608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fontAlgn="base">
              <a:spcBef>
                <a:spcPts val="300"/>
              </a:spcBef>
              <a:spcAft>
                <a:spcPts val="600"/>
              </a:spcAft>
              <a:buNone/>
              <a:defRPr/>
            </a:pPr>
            <a:r>
              <a:rPr lang="en-US" sz="2000" dirty="0" err="1">
                <a:cs typeface="Ericsson Hilda Light" panose="020B0604020202020204" pitchFamily="34" charset="0"/>
              </a:rPr>
              <a:t>Hlavní</a:t>
            </a:r>
            <a:r>
              <a:rPr lang="en-US" sz="2000" dirty="0">
                <a:cs typeface="Ericsson Hilda Light" panose="020B0604020202020204" pitchFamily="34" charset="0"/>
              </a:rPr>
              <a:t> </a:t>
            </a:r>
            <a:r>
              <a:rPr lang="en-US" sz="2000" dirty="0" err="1">
                <a:cs typeface="Ericsson Hilda Light" panose="020B0604020202020204" pitchFamily="34" charset="0"/>
              </a:rPr>
              <a:t>parametry</a:t>
            </a:r>
            <a:endParaRPr lang="en-US" sz="2000" dirty="0">
              <a:cs typeface="Ericsson Hilda Light" panose="020B0604020202020204" pitchFamily="34" charset="0"/>
            </a:endParaRPr>
          </a:p>
          <a:p>
            <a:pPr lvl="0" fontAlgn="base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cs typeface="Ericsson Hilda Light" panose="020B0604020202020204" pitchFamily="34" charset="0"/>
              </a:rPr>
              <a:t>47Gbit/s </a:t>
            </a:r>
            <a:r>
              <a:rPr lang="en-US" sz="1600" dirty="0" err="1">
                <a:cs typeface="Ericsson Hilda Light" panose="020B0604020202020204" pitchFamily="34" charset="0"/>
              </a:rPr>
              <a:t>kapacita</a:t>
            </a:r>
            <a:r>
              <a:rPr lang="en-US" sz="1600" dirty="0">
                <a:cs typeface="Ericsson Hilda Light" panose="020B0604020202020204" pitchFamily="34" charset="0"/>
              </a:rPr>
              <a:t> </a:t>
            </a:r>
            <a:r>
              <a:rPr lang="en-US" sz="1600" dirty="0" err="1">
                <a:cs typeface="Ericsson Hilda Light" panose="020B0604020202020204" pitchFamily="34" charset="0"/>
              </a:rPr>
              <a:t>přepínače</a:t>
            </a:r>
            <a:endParaRPr lang="en-US" sz="1600" dirty="0">
              <a:cs typeface="Ericsson Hilda Light" panose="020B0604020202020204" pitchFamily="34" charset="0"/>
            </a:endParaRPr>
          </a:p>
          <a:p>
            <a:r>
              <a:rPr lang="en-US" sz="1600" dirty="0" err="1"/>
              <a:t>Šířky</a:t>
            </a:r>
            <a:r>
              <a:rPr lang="en-US" sz="1600" dirty="0"/>
              <a:t> </a:t>
            </a:r>
            <a:r>
              <a:rPr lang="en-US" sz="1600" dirty="0" err="1"/>
              <a:t>kanálů</a:t>
            </a:r>
            <a:r>
              <a:rPr lang="en-US" sz="1600" dirty="0"/>
              <a:t> 7-224MHz </a:t>
            </a:r>
          </a:p>
          <a:p>
            <a:pPr lvl="0" fontAlgn="base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 err="1">
                <a:cs typeface="Ericsson Hilda Light" panose="020B0604020202020204" pitchFamily="34" charset="0"/>
              </a:rPr>
              <a:t>Agregace</a:t>
            </a:r>
            <a:r>
              <a:rPr lang="en-US" sz="1600" dirty="0">
                <a:cs typeface="Ericsson Hilda Light" panose="020B0604020202020204" pitchFamily="34" charset="0"/>
              </a:rPr>
              <a:t> </a:t>
            </a:r>
            <a:r>
              <a:rPr lang="en-US" sz="1600" dirty="0" err="1">
                <a:cs typeface="Ericsson Hilda Light" panose="020B0604020202020204" pitchFamily="34" charset="0"/>
              </a:rPr>
              <a:t>kanálů</a:t>
            </a:r>
            <a:r>
              <a:rPr lang="en-US" sz="1600" dirty="0">
                <a:cs typeface="Ericsson Hilda Light" panose="020B0604020202020204" pitchFamily="34" charset="0"/>
              </a:rPr>
              <a:t> </a:t>
            </a:r>
            <a:r>
              <a:rPr lang="en-US" sz="1600" dirty="0" err="1">
                <a:cs typeface="Ericsson Hilda Light" panose="020B0604020202020204" pitchFamily="34" charset="0"/>
              </a:rPr>
              <a:t>až</a:t>
            </a:r>
            <a:r>
              <a:rPr lang="en-US" sz="1600" dirty="0">
                <a:cs typeface="Ericsson Hilda Light" panose="020B0604020202020204" pitchFamily="34" charset="0"/>
              </a:rPr>
              <a:t> 2x112MHz</a:t>
            </a:r>
          </a:p>
        </p:txBody>
      </p:sp>
      <p:cxnSp>
        <p:nvCxnSpPr>
          <p:cNvPr id="4" name="Rak 6">
            <a:extLst>
              <a:ext uri="{FF2B5EF4-FFF2-40B4-BE49-F238E27FC236}">
                <a16:creationId xmlns:a16="http://schemas.microsoft.com/office/drawing/2014/main" id="{7EFEBF4A-D350-4059-9EBF-735FD604198B}"/>
              </a:ext>
            </a:extLst>
          </p:cNvPr>
          <p:cNvCxnSpPr>
            <a:cxnSpLocks/>
          </p:cNvCxnSpPr>
          <p:nvPr/>
        </p:nvCxnSpPr>
        <p:spPr bwMode="auto">
          <a:xfrm>
            <a:off x="479425" y="4423810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5" name="Rak 24">
            <a:extLst>
              <a:ext uri="{FF2B5EF4-FFF2-40B4-BE49-F238E27FC236}">
                <a16:creationId xmlns:a16="http://schemas.microsoft.com/office/drawing/2014/main" id="{9588AA5C-EFC1-462D-AAC1-07A840BA72E5}"/>
              </a:ext>
            </a:extLst>
          </p:cNvPr>
          <p:cNvCxnSpPr/>
          <p:nvPr/>
        </p:nvCxnSpPr>
        <p:spPr bwMode="auto">
          <a:xfrm>
            <a:off x="6240461" y="4395529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6" name="Rak 25">
            <a:extLst>
              <a:ext uri="{FF2B5EF4-FFF2-40B4-BE49-F238E27FC236}">
                <a16:creationId xmlns:a16="http://schemas.microsoft.com/office/drawing/2014/main" id="{89937337-64DD-4CC1-96DE-8AE5BDCC3F8E}"/>
              </a:ext>
            </a:extLst>
          </p:cNvPr>
          <p:cNvCxnSpPr/>
          <p:nvPr/>
        </p:nvCxnSpPr>
        <p:spPr bwMode="auto">
          <a:xfrm>
            <a:off x="9120187" y="4395529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" name="Rectangle 1">
            <a:extLst>
              <a:ext uri="{FF2B5EF4-FFF2-40B4-BE49-F238E27FC236}">
                <a16:creationId xmlns:a16="http://schemas.microsoft.com/office/drawing/2014/main" id="{1001685C-C17C-4ECF-9452-B2337871ECF9}"/>
              </a:ext>
            </a:extLst>
          </p:cNvPr>
          <p:cNvSpPr/>
          <p:nvPr/>
        </p:nvSpPr>
        <p:spPr bwMode="auto">
          <a:xfrm>
            <a:off x="3388484" y="4489223"/>
            <a:ext cx="2593185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fontAlgn="base">
              <a:spcBef>
                <a:spcPts val="300"/>
              </a:spcBef>
              <a:spcAft>
                <a:spcPts val="600"/>
              </a:spcAft>
              <a:buNone/>
              <a:defRPr/>
            </a:pPr>
            <a:r>
              <a:rPr lang="en-US" sz="2000" dirty="0">
                <a:cs typeface="Ericsson Hilda Light" panose="020B0604020202020204" pitchFamily="34" charset="0"/>
              </a:rPr>
              <a:t>L2 </a:t>
            </a:r>
            <a:r>
              <a:rPr lang="en-US" sz="2000" dirty="0" err="1">
                <a:cs typeface="Ericsson Hilda Light" panose="020B0604020202020204" pitchFamily="34" charset="0"/>
              </a:rPr>
              <a:t>funkcionalita</a:t>
            </a:r>
            <a:endParaRPr lang="en-US" sz="2000" dirty="0">
              <a:cs typeface="Ericsson Hilda Light" panose="020B0604020202020204" pitchFamily="34" charset="0"/>
            </a:endParaRP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Customer bridge</a:t>
            </a: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Provider bridge</a:t>
            </a: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QoS, H-QOS</a:t>
            </a:r>
          </a:p>
        </p:txBody>
      </p:sp>
      <p:sp>
        <p:nvSpPr>
          <p:cNvPr id="8" name="Rectangle 1">
            <a:extLst>
              <a:ext uri="{FF2B5EF4-FFF2-40B4-BE49-F238E27FC236}">
                <a16:creationId xmlns:a16="http://schemas.microsoft.com/office/drawing/2014/main" id="{32763236-C6C8-4240-AC3F-59E78FE66EEE}"/>
              </a:ext>
            </a:extLst>
          </p:cNvPr>
          <p:cNvSpPr/>
          <p:nvPr/>
        </p:nvSpPr>
        <p:spPr bwMode="auto">
          <a:xfrm>
            <a:off x="6250488" y="4494023"/>
            <a:ext cx="2593185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fontAlgn="base">
              <a:spcBef>
                <a:spcPts val="300"/>
              </a:spcBef>
              <a:spcAft>
                <a:spcPts val="600"/>
              </a:spcAft>
              <a:buNone/>
              <a:defRPr/>
            </a:pPr>
            <a:r>
              <a:rPr lang="en-US" sz="2000" dirty="0">
                <a:cs typeface="Ericsson Hilda Light" panose="020B0604020202020204" pitchFamily="34" charset="0"/>
              </a:rPr>
              <a:t>L3 </a:t>
            </a:r>
            <a:r>
              <a:rPr lang="en-US" sz="2000" dirty="0" err="1">
                <a:cs typeface="Ericsson Hilda Light" panose="020B0604020202020204" pitchFamily="34" charset="0"/>
              </a:rPr>
              <a:t>funkcionalita</a:t>
            </a:r>
            <a:endParaRPr lang="en-US" sz="2000" dirty="0">
              <a:cs typeface="Ericsson Hilda Light" panose="020B0604020202020204" pitchFamily="34" charset="0"/>
            </a:endParaRP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L3VPN</a:t>
            </a: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Seamless MPLS</a:t>
            </a:r>
          </a:p>
          <a:p>
            <a:pPr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Routed DCN</a:t>
            </a:r>
          </a:p>
        </p:txBody>
      </p:sp>
      <p:sp>
        <p:nvSpPr>
          <p:cNvPr id="9" name="Rectangle 1">
            <a:extLst>
              <a:ext uri="{FF2B5EF4-FFF2-40B4-BE49-F238E27FC236}">
                <a16:creationId xmlns:a16="http://schemas.microsoft.com/office/drawing/2014/main" id="{75DFF7DD-9DF1-4B49-A0BD-885DA99F9FC7}"/>
              </a:ext>
            </a:extLst>
          </p:cNvPr>
          <p:cNvSpPr/>
          <p:nvPr/>
        </p:nvSpPr>
        <p:spPr bwMode="auto">
          <a:xfrm>
            <a:off x="9082996" y="4461765"/>
            <a:ext cx="2612052" cy="162408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fontAlgn="base">
              <a:spcBef>
                <a:spcPts val="300"/>
              </a:spcBef>
              <a:spcAft>
                <a:spcPts val="600"/>
              </a:spcAft>
              <a:buNone/>
              <a:defRPr/>
            </a:pPr>
            <a:r>
              <a:rPr lang="en-US" sz="2000" dirty="0">
                <a:cs typeface="Ericsson Hilda Light" panose="020B0604020202020204" pitchFamily="34" charset="0"/>
              </a:rPr>
              <a:t>L1 Multiband booster</a:t>
            </a:r>
          </a:p>
          <a:p>
            <a:pPr lvl="0"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/>
              <a:t>Hierarchical radio link bonding (</a:t>
            </a:r>
            <a:r>
              <a:rPr lang="en-US" sz="1600" dirty="0" err="1"/>
              <a:t>hRLB</a:t>
            </a:r>
            <a:r>
              <a:rPr lang="en-US" sz="1600" dirty="0"/>
              <a:t>)</a:t>
            </a:r>
          </a:p>
          <a:p>
            <a:pPr lvl="0">
              <a:spcAft>
                <a:spcPts val="3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 err="1"/>
              <a:t>Až</a:t>
            </a:r>
            <a:r>
              <a:rPr lang="en-US" sz="1600" dirty="0"/>
              <a:t> 10 Gbps</a:t>
            </a:r>
          </a:p>
        </p:txBody>
      </p:sp>
      <p:cxnSp>
        <p:nvCxnSpPr>
          <p:cNvPr id="10" name="Rak 30">
            <a:extLst>
              <a:ext uri="{FF2B5EF4-FFF2-40B4-BE49-F238E27FC236}">
                <a16:creationId xmlns:a16="http://schemas.microsoft.com/office/drawing/2014/main" id="{59798A08-1E28-47D2-9176-B172292D0045}"/>
              </a:ext>
            </a:extLst>
          </p:cNvPr>
          <p:cNvCxnSpPr/>
          <p:nvPr/>
        </p:nvCxnSpPr>
        <p:spPr bwMode="auto">
          <a:xfrm>
            <a:off x="479425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1" name="Rak 31">
            <a:extLst>
              <a:ext uri="{FF2B5EF4-FFF2-40B4-BE49-F238E27FC236}">
                <a16:creationId xmlns:a16="http://schemas.microsoft.com/office/drawing/2014/main" id="{A377EFE8-E1EC-43E4-B819-4DF95A9DAF3F}"/>
              </a:ext>
            </a:extLst>
          </p:cNvPr>
          <p:cNvCxnSpPr/>
          <p:nvPr/>
        </p:nvCxnSpPr>
        <p:spPr bwMode="auto">
          <a:xfrm>
            <a:off x="3359150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2" name="Rak 32">
            <a:extLst>
              <a:ext uri="{FF2B5EF4-FFF2-40B4-BE49-F238E27FC236}">
                <a16:creationId xmlns:a16="http://schemas.microsoft.com/office/drawing/2014/main" id="{5092322C-27A5-4FB8-B460-9D36A57015BB}"/>
              </a:ext>
            </a:extLst>
          </p:cNvPr>
          <p:cNvCxnSpPr/>
          <p:nvPr/>
        </p:nvCxnSpPr>
        <p:spPr bwMode="auto">
          <a:xfrm>
            <a:off x="6240461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3" name="Rak 33">
            <a:extLst>
              <a:ext uri="{FF2B5EF4-FFF2-40B4-BE49-F238E27FC236}">
                <a16:creationId xmlns:a16="http://schemas.microsoft.com/office/drawing/2014/main" id="{E0FFB672-1036-4FB2-90D9-ADACF7FFCDF8}"/>
              </a:ext>
            </a:extLst>
          </p:cNvPr>
          <p:cNvCxnSpPr/>
          <p:nvPr/>
        </p:nvCxnSpPr>
        <p:spPr bwMode="auto">
          <a:xfrm>
            <a:off x="9120187" y="6218765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14" name="Rectangle 1">
            <a:extLst>
              <a:ext uri="{FF2B5EF4-FFF2-40B4-BE49-F238E27FC236}">
                <a16:creationId xmlns:a16="http://schemas.microsoft.com/office/drawing/2014/main" id="{F9516648-DB91-4B34-906A-E6428F1EEEC9}"/>
              </a:ext>
            </a:extLst>
          </p:cNvPr>
          <p:cNvSpPr/>
          <p:nvPr/>
        </p:nvSpPr>
        <p:spPr bwMode="auto">
          <a:xfrm>
            <a:off x="1324014" y="3368523"/>
            <a:ext cx="847803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fontAlgn="base">
              <a:spcBef>
                <a:spcPts val="300"/>
              </a:spcBef>
              <a:spcAft>
                <a:spcPts val="600"/>
              </a:spcAft>
              <a:buNone/>
              <a:defRPr/>
            </a:pPr>
            <a:r>
              <a:rPr lang="en-US" sz="1600" dirty="0">
                <a:cs typeface="Ericsson Hilda Light" panose="020B0604020202020204" pitchFamily="34" charset="0"/>
              </a:rPr>
              <a:t>Power</a:t>
            </a:r>
          </a:p>
        </p:txBody>
      </p:sp>
      <p:sp>
        <p:nvSpPr>
          <p:cNvPr id="15" name="Rectangle 1">
            <a:extLst>
              <a:ext uri="{FF2B5EF4-FFF2-40B4-BE49-F238E27FC236}">
                <a16:creationId xmlns:a16="http://schemas.microsoft.com/office/drawing/2014/main" id="{36DA25F5-0835-4BDA-BD11-22EF9164D047}"/>
              </a:ext>
            </a:extLst>
          </p:cNvPr>
          <p:cNvSpPr/>
          <p:nvPr/>
        </p:nvSpPr>
        <p:spPr bwMode="auto">
          <a:xfrm>
            <a:off x="3293245" y="3384441"/>
            <a:ext cx="3831609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lvl="1" indent="0">
              <a:buNone/>
            </a:pPr>
            <a:r>
              <a:rPr lang="en-US" sz="1400" dirty="0"/>
              <a:t>2 x RJ 45 </a:t>
            </a:r>
          </a:p>
          <a:p>
            <a:pPr marL="183600" lvl="1" indent="0">
              <a:buNone/>
            </a:pPr>
            <a:r>
              <a:rPr lang="en-US" sz="1400" dirty="0"/>
              <a:t>100/1000 Base-T</a:t>
            </a:r>
          </a:p>
        </p:txBody>
      </p:sp>
      <p:sp>
        <p:nvSpPr>
          <p:cNvPr id="16" name="Rectangle 1">
            <a:extLst>
              <a:ext uri="{FF2B5EF4-FFF2-40B4-BE49-F238E27FC236}">
                <a16:creationId xmlns:a16="http://schemas.microsoft.com/office/drawing/2014/main" id="{16EDE145-52CC-4265-9509-886F2E0D9F6F}"/>
              </a:ext>
            </a:extLst>
          </p:cNvPr>
          <p:cNvSpPr/>
          <p:nvPr/>
        </p:nvSpPr>
        <p:spPr bwMode="auto">
          <a:xfrm>
            <a:off x="4898639" y="3413554"/>
            <a:ext cx="2226215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lvl="1" indent="0">
              <a:buNone/>
            </a:pPr>
            <a:r>
              <a:rPr lang="en-US" sz="1400" dirty="0"/>
              <a:t>4 x SFP/SFP+</a:t>
            </a:r>
            <a:br>
              <a:rPr lang="en-US" sz="1400" dirty="0"/>
            </a:br>
            <a:r>
              <a:rPr lang="en-US" sz="1400" dirty="0"/>
              <a:t>1G/10G</a:t>
            </a:r>
          </a:p>
        </p:txBody>
      </p:sp>
      <p:sp>
        <p:nvSpPr>
          <p:cNvPr id="17" name="Rectangle 1">
            <a:extLst>
              <a:ext uri="{FF2B5EF4-FFF2-40B4-BE49-F238E27FC236}">
                <a16:creationId xmlns:a16="http://schemas.microsoft.com/office/drawing/2014/main" id="{7E914116-7AE6-408D-8F5E-4B111D1B07C9}"/>
              </a:ext>
            </a:extLst>
          </p:cNvPr>
          <p:cNvSpPr/>
          <p:nvPr/>
        </p:nvSpPr>
        <p:spPr bwMode="auto">
          <a:xfrm>
            <a:off x="2485394" y="3383889"/>
            <a:ext cx="1471639" cy="395520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lvl="1" indent="0">
              <a:buNone/>
            </a:pPr>
            <a:r>
              <a:rPr lang="en-US" sz="1400" dirty="0"/>
              <a:t>User I/O</a:t>
            </a:r>
            <a:br>
              <a:rPr lang="en-US" sz="1400" dirty="0"/>
            </a:br>
            <a:r>
              <a:rPr lang="en-US" sz="1400" dirty="0"/>
              <a:t>Sync</a:t>
            </a:r>
          </a:p>
        </p:txBody>
      </p:sp>
      <p:sp>
        <p:nvSpPr>
          <p:cNvPr id="18" name="Rectangle 1">
            <a:extLst>
              <a:ext uri="{FF2B5EF4-FFF2-40B4-BE49-F238E27FC236}">
                <a16:creationId xmlns:a16="http://schemas.microsoft.com/office/drawing/2014/main" id="{8C0E5419-2037-4176-BB69-8549EA4D9020}"/>
              </a:ext>
            </a:extLst>
          </p:cNvPr>
          <p:cNvSpPr/>
          <p:nvPr/>
        </p:nvSpPr>
        <p:spPr bwMode="auto">
          <a:xfrm>
            <a:off x="6778345" y="3418762"/>
            <a:ext cx="2226223" cy="321202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lvl="1" indent="0">
              <a:buNone/>
            </a:pPr>
            <a:r>
              <a:rPr lang="en-US" sz="1400" dirty="0"/>
              <a:t>8xE1</a:t>
            </a:r>
          </a:p>
        </p:txBody>
      </p:sp>
      <p:cxnSp>
        <p:nvCxnSpPr>
          <p:cNvPr id="19" name="Rak 31">
            <a:extLst>
              <a:ext uri="{FF2B5EF4-FFF2-40B4-BE49-F238E27FC236}">
                <a16:creationId xmlns:a16="http://schemas.microsoft.com/office/drawing/2014/main" id="{79CE70D5-00FC-48A5-BF17-8CA59BD7F23E}"/>
              </a:ext>
            </a:extLst>
          </p:cNvPr>
          <p:cNvCxnSpPr/>
          <p:nvPr/>
        </p:nvCxnSpPr>
        <p:spPr bwMode="auto">
          <a:xfrm>
            <a:off x="3359947" y="4409961"/>
            <a:ext cx="2592388" cy="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3EFEA09D-6E10-45A9-8291-241E40D93B3B}"/>
              </a:ext>
            </a:extLst>
          </p:cNvPr>
          <p:cNvSpPr/>
          <p:nvPr/>
        </p:nvSpPr>
        <p:spPr bwMode="auto">
          <a:xfrm>
            <a:off x="357341" y="6113310"/>
            <a:ext cx="11764651" cy="381776"/>
          </a:xfrm>
          <a:prstGeom prst="roundRect">
            <a:avLst/>
          </a:prstGeom>
          <a:solidFill>
            <a:schemeClr val="accent1"/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0C7EC85-4D1E-460B-B576-9F5C0ECF469A}"/>
              </a:ext>
            </a:extLst>
          </p:cNvPr>
          <p:cNvSpPr txBox="1"/>
          <p:nvPr/>
        </p:nvSpPr>
        <p:spPr bwMode="auto">
          <a:xfrm>
            <a:off x="1625279" y="6138580"/>
            <a:ext cx="8941442" cy="367645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 algn="ctr">
              <a:buClr>
                <a:schemeClr val="tx1"/>
              </a:buClr>
              <a:buNone/>
            </a:pPr>
            <a:r>
              <a:rPr lang="en-US" sz="2000" dirty="0" err="1">
                <a:solidFill>
                  <a:schemeClr val="bg1"/>
                </a:solidFill>
                <a:latin typeface="+mn-lt"/>
              </a:rPr>
              <a:t>Vysokokapacitn</a:t>
            </a:r>
            <a:r>
              <a:rPr lang="en-US" sz="2000" dirty="0" err="1">
                <a:solidFill>
                  <a:schemeClr val="bg1"/>
                </a:solidFill>
              </a:rPr>
              <a:t>í</a:t>
            </a:r>
            <a:r>
              <a:rPr lang="en-US" sz="2000" dirty="0">
                <a:solidFill>
                  <a:schemeClr val="bg1"/>
                </a:solidFill>
              </a:rPr>
              <a:t> </a:t>
            </a:r>
            <a:r>
              <a:rPr lang="en-US" sz="2000" dirty="0" err="1">
                <a:solidFill>
                  <a:schemeClr val="bg1"/>
                </a:solidFill>
              </a:rPr>
              <a:t>vnitřní</a:t>
            </a:r>
            <a:r>
              <a:rPr lang="en-US" sz="2000" dirty="0">
                <a:solidFill>
                  <a:schemeClr val="bg1"/>
                </a:solidFill>
              </a:rPr>
              <a:t> </a:t>
            </a:r>
            <a:r>
              <a:rPr lang="en-US" sz="2000" dirty="0" err="1">
                <a:solidFill>
                  <a:schemeClr val="bg1"/>
                </a:solidFill>
              </a:rPr>
              <a:t>jednotka</a:t>
            </a:r>
            <a:endParaRPr lang="en-US" sz="200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76CC3667-86FB-43F1-A3F6-06B3888E6261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17905" y="1360950"/>
            <a:ext cx="11658714" cy="1407065"/>
          </a:xfrm>
          <a:prstGeom prst="rect">
            <a:avLst/>
          </a:prstGeom>
        </p:spPr>
      </p:pic>
      <p:cxnSp>
        <p:nvCxnSpPr>
          <p:cNvPr id="24" name="Rak 6">
            <a:extLst>
              <a:ext uri="{FF2B5EF4-FFF2-40B4-BE49-F238E27FC236}">
                <a16:creationId xmlns:a16="http://schemas.microsoft.com/office/drawing/2014/main" id="{CCC900D2-B491-4A15-93DD-A32A3EFA6F39}"/>
              </a:ext>
            </a:extLst>
          </p:cNvPr>
          <p:cNvCxnSpPr>
            <a:cxnSpLocks/>
          </p:cNvCxnSpPr>
          <p:nvPr/>
        </p:nvCxnSpPr>
        <p:spPr bwMode="auto">
          <a:xfrm flipV="1">
            <a:off x="1848916" y="2399781"/>
            <a:ext cx="0" cy="96295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5" name="Rak 6">
            <a:extLst>
              <a:ext uri="{FF2B5EF4-FFF2-40B4-BE49-F238E27FC236}">
                <a16:creationId xmlns:a16="http://schemas.microsoft.com/office/drawing/2014/main" id="{403B2BB5-F879-4959-A349-6315DAD67A89}"/>
              </a:ext>
            </a:extLst>
          </p:cNvPr>
          <p:cNvCxnSpPr>
            <a:cxnSpLocks/>
          </p:cNvCxnSpPr>
          <p:nvPr/>
        </p:nvCxnSpPr>
        <p:spPr bwMode="auto">
          <a:xfrm flipV="1">
            <a:off x="3312302" y="2281013"/>
            <a:ext cx="0" cy="1087510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6" name="Rak 6">
            <a:extLst>
              <a:ext uri="{FF2B5EF4-FFF2-40B4-BE49-F238E27FC236}">
                <a16:creationId xmlns:a16="http://schemas.microsoft.com/office/drawing/2014/main" id="{AEBED934-31A2-4339-9B87-1ADF4813A2B0}"/>
              </a:ext>
            </a:extLst>
          </p:cNvPr>
          <p:cNvCxnSpPr>
            <a:cxnSpLocks/>
          </p:cNvCxnSpPr>
          <p:nvPr/>
        </p:nvCxnSpPr>
        <p:spPr bwMode="auto">
          <a:xfrm flipV="1">
            <a:off x="4154395" y="2281013"/>
            <a:ext cx="0" cy="1099811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7" name="Rak 6">
            <a:extLst>
              <a:ext uri="{FF2B5EF4-FFF2-40B4-BE49-F238E27FC236}">
                <a16:creationId xmlns:a16="http://schemas.microsoft.com/office/drawing/2014/main" id="{57A0B410-A6D4-4917-818D-FF48C5CF5528}"/>
              </a:ext>
            </a:extLst>
          </p:cNvPr>
          <p:cNvCxnSpPr>
            <a:cxnSpLocks/>
          </p:cNvCxnSpPr>
          <p:nvPr/>
        </p:nvCxnSpPr>
        <p:spPr bwMode="auto">
          <a:xfrm flipV="1">
            <a:off x="5729959" y="2236695"/>
            <a:ext cx="0" cy="1131828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8" name="Rak 6">
            <a:extLst>
              <a:ext uri="{FF2B5EF4-FFF2-40B4-BE49-F238E27FC236}">
                <a16:creationId xmlns:a16="http://schemas.microsoft.com/office/drawing/2014/main" id="{4547DC41-4C7E-4F1B-965A-76FA322C2E49}"/>
              </a:ext>
            </a:extLst>
          </p:cNvPr>
          <p:cNvCxnSpPr>
            <a:cxnSpLocks/>
          </p:cNvCxnSpPr>
          <p:nvPr/>
        </p:nvCxnSpPr>
        <p:spPr bwMode="auto">
          <a:xfrm flipV="1">
            <a:off x="7436152" y="2248905"/>
            <a:ext cx="0" cy="1131828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9" name="Rak 6">
            <a:extLst>
              <a:ext uri="{FF2B5EF4-FFF2-40B4-BE49-F238E27FC236}">
                <a16:creationId xmlns:a16="http://schemas.microsoft.com/office/drawing/2014/main" id="{37BCD204-CF1E-484C-BC0E-B3E0B71D5704}"/>
              </a:ext>
            </a:extLst>
          </p:cNvPr>
          <p:cNvCxnSpPr>
            <a:cxnSpLocks/>
          </p:cNvCxnSpPr>
          <p:nvPr/>
        </p:nvCxnSpPr>
        <p:spPr bwMode="auto">
          <a:xfrm flipV="1">
            <a:off x="9183596" y="2248905"/>
            <a:ext cx="0" cy="1131828"/>
          </a:xfrm>
          <a:prstGeom prst="line">
            <a:avLst/>
          </a:prstGeom>
          <a:solidFill>
            <a:schemeClr val="accent1"/>
          </a:solidFill>
          <a:ln w="3175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30" name="Rectangle 1">
            <a:extLst>
              <a:ext uri="{FF2B5EF4-FFF2-40B4-BE49-F238E27FC236}">
                <a16:creationId xmlns:a16="http://schemas.microsoft.com/office/drawing/2014/main" id="{48277817-689A-4BD4-B957-47EDFE3B7559}"/>
              </a:ext>
            </a:extLst>
          </p:cNvPr>
          <p:cNvSpPr/>
          <p:nvPr/>
        </p:nvSpPr>
        <p:spPr bwMode="auto">
          <a:xfrm>
            <a:off x="8340498" y="3425135"/>
            <a:ext cx="2226223" cy="321202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21600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3600" lvl="1" indent="0">
              <a:buNone/>
            </a:pPr>
            <a:r>
              <a:rPr lang="en-US" sz="1400" dirty="0"/>
              <a:t>Radio i/f</a:t>
            </a:r>
          </a:p>
        </p:txBody>
      </p:sp>
    </p:spTree>
    <p:extLst>
      <p:ext uri="{BB962C8B-B14F-4D97-AF65-F5344CB8AC3E}">
        <p14:creationId xmlns:p14="http://schemas.microsoft.com/office/powerpoint/2010/main" val="233271596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rtfolio </a:t>
            </a:r>
            <a:r>
              <a:rPr lang="en-US" dirty="0" err="1"/>
              <a:t>vnějších</a:t>
            </a:r>
            <a:r>
              <a:rPr lang="en-US" dirty="0"/>
              <a:t> </a:t>
            </a:r>
            <a:r>
              <a:rPr lang="en-US" dirty="0" err="1"/>
              <a:t>jednotek</a:t>
            </a:r>
            <a:r>
              <a:rPr lang="en-US" dirty="0"/>
              <a:t> pro split </a:t>
            </a:r>
            <a:r>
              <a:rPr lang="en-US" dirty="0" err="1"/>
              <a:t>systémy</a:t>
            </a:r>
            <a:endParaRPr lang="en-US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35E51013-D714-4F5F-BBC1-670ADFCA3955}"/>
              </a:ext>
            </a:extLst>
          </p:cNvPr>
          <p:cNvSpPr txBox="1">
            <a:spLocks/>
          </p:cNvSpPr>
          <p:nvPr/>
        </p:nvSpPr>
        <p:spPr>
          <a:xfrm>
            <a:off x="1382283" y="1844675"/>
            <a:ext cx="2592388" cy="4392614"/>
          </a:xfrm>
          <a:prstGeom prst="rect">
            <a:avLst/>
          </a:prstGeom>
          <a:solidFill>
            <a:srgbClr val="FF9900"/>
          </a:solidFill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Clr>
                <a:schemeClr val="bg1"/>
              </a:buClr>
              <a:buNone/>
            </a:pPr>
            <a:r>
              <a:rPr lang="en-US" sz="1600" b="1" dirty="0">
                <a:solidFill>
                  <a:schemeClr val="bg1"/>
                </a:solidFill>
              </a:rPr>
              <a:t>MINI-LINK 6363</a:t>
            </a: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Vysoký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ysílac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ýkon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 marL="0" indent="0">
              <a:buClr>
                <a:schemeClr val="bg1"/>
              </a:buClr>
              <a:buNone/>
            </a:pPr>
            <a:br>
              <a:rPr lang="en-US" sz="1600" dirty="0">
                <a:solidFill>
                  <a:schemeClr val="bg1"/>
                </a:solidFill>
              </a:rPr>
            </a:b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6 – 42 and 80 G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112 M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4k/8k QAM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1.4 Gbps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07AE4E5B-410E-4E77-8083-FB37D69B5AF1}"/>
              </a:ext>
            </a:extLst>
          </p:cNvPr>
          <p:cNvSpPr txBox="1">
            <a:spLocks/>
          </p:cNvSpPr>
          <p:nvPr/>
        </p:nvSpPr>
        <p:spPr>
          <a:xfrm>
            <a:off x="4571149" y="1844673"/>
            <a:ext cx="2592388" cy="4392616"/>
          </a:xfrm>
          <a:prstGeom prst="rect">
            <a:avLst/>
          </a:prstGeom>
          <a:solidFill>
            <a:srgbClr val="0000CC"/>
          </a:solidFill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Clr>
                <a:schemeClr val="bg1"/>
              </a:buClr>
              <a:buNone/>
            </a:pPr>
            <a:r>
              <a:rPr lang="en-US" sz="1600" b="1" dirty="0">
                <a:solidFill>
                  <a:schemeClr val="bg1"/>
                </a:solidFill>
              </a:rPr>
              <a:t>MINI-LINK 6365</a:t>
            </a: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Vysoký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ysílac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ýkon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Agregace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nálů</a:t>
            </a:r>
            <a:br>
              <a:rPr lang="en-US" sz="1600" dirty="0">
                <a:solidFill>
                  <a:schemeClr val="bg1"/>
                </a:solidFill>
              </a:rPr>
            </a:b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6 – 42 G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224 / 2x 112 M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8k QAM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2.5 Gbps</a:t>
            </a:r>
            <a:endParaRPr lang="en-US" dirty="0"/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267D5493-E83C-4E4D-8997-9C764543079A}"/>
              </a:ext>
            </a:extLst>
          </p:cNvPr>
          <p:cNvSpPr txBox="1">
            <a:spLocks/>
          </p:cNvSpPr>
          <p:nvPr/>
        </p:nvSpPr>
        <p:spPr>
          <a:xfrm>
            <a:off x="7748590" y="1844675"/>
            <a:ext cx="2592388" cy="4392614"/>
          </a:xfrm>
          <a:prstGeom prst="rect">
            <a:avLst/>
          </a:prstGeom>
          <a:solidFill>
            <a:srgbClr val="008000"/>
          </a:solidFill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Clr>
                <a:schemeClr val="bg1"/>
              </a:buClr>
              <a:buNone/>
            </a:pPr>
            <a:r>
              <a:rPr lang="en-US" sz="1600" b="1" dirty="0">
                <a:solidFill>
                  <a:schemeClr val="bg1"/>
                </a:solidFill>
              </a:rPr>
              <a:t>MINI-LINK 6364</a:t>
            </a: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Vysoký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ysílací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výkon</a:t>
            </a: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Agregace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kanálů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</a:p>
          <a:p>
            <a:pPr>
              <a:buClr>
                <a:schemeClr val="bg1"/>
              </a:buClr>
            </a:pPr>
            <a:r>
              <a:rPr lang="en-US" sz="1600" dirty="0" err="1">
                <a:solidFill>
                  <a:schemeClr val="bg1"/>
                </a:solidFill>
              </a:rPr>
              <a:t>Přeladitelnost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přes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celé</a:t>
            </a:r>
            <a:r>
              <a:rPr lang="en-US" sz="1600" dirty="0">
                <a:solidFill>
                  <a:schemeClr val="bg1"/>
                </a:solidFill>
              </a:rPr>
              <a:t> </a:t>
            </a:r>
            <a:r>
              <a:rPr lang="en-US" sz="1600" dirty="0" err="1">
                <a:solidFill>
                  <a:schemeClr val="bg1"/>
                </a:solidFill>
              </a:rPr>
              <a:t>pásmo</a:t>
            </a:r>
            <a:br>
              <a:rPr lang="en-US" sz="1600" dirty="0">
                <a:solidFill>
                  <a:schemeClr val="bg1"/>
                </a:solidFill>
              </a:rPr>
            </a:b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endParaRPr lang="en-US" sz="1600" dirty="0">
              <a:solidFill>
                <a:schemeClr val="bg1"/>
              </a:solidFill>
            </a:endParaRPr>
          </a:p>
          <a:p>
            <a:pPr marL="0" indent="0">
              <a:buClr>
                <a:schemeClr val="bg1"/>
              </a:buClr>
              <a:buNone/>
            </a:pPr>
            <a:endParaRPr lang="en-US" sz="1600" dirty="0">
              <a:solidFill>
                <a:schemeClr val="bg1"/>
              </a:solidFill>
            </a:endParaRP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13 – 18 G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224 / 2x 112 MHz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8k QAM</a:t>
            </a:r>
          </a:p>
          <a:p>
            <a:pPr>
              <a:buClr>
                <a:schemeClr val="bg1"/>
              </a:buClr>
            </a:pPr>
            <a:r>
              <a:rPr lang="en-US" sz="1600" dirty="0">
                <a:solidFill>
                  <a:schemeClr val="bg1"/>
                </a:solidFill>
              </a:rPr>
              <a:t>2.5 Gbps</a:t>
            </a:r>
            <a:endParaRPr lang="en-US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899DF621-736B-4D27-8141-CD39837CAA65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868475" y="3234970"/>
            <a:ext cx="1620000" cy="1620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E933F23-2938-4E59-9407-BBD996BC7C0E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057342" y="3234970"/>
            <a:ext cx="1620000" cy="162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0FF4FC9C-6FC3-4317-830B-C680CE83D1DA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235577" y="3234970"/>
            <a:ext cx="1620000" cy="1620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425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11321"/>
    </mc:Choice>
    <mc:Fallback xmlns="">
      <p:transition spd="slow" advTm="11321"/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close up of a device&#10;&#10;Description automatically generated">
            <a:extLst>
              <a:ext uri="{FF2B5EF4-FFF2-40B4-BE49-F238E27FC236}">
                <a16:creationId xmlns:a16="http://schemas.microsoft.com/office/drawing/2014/main" id="{D87057E8-5F04-4D00-9DB2-FEC5A75E221D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Rectangle: Rounded Corners 3"/>
          <p:cNvSpPr/>
          <p:nvPr/>
        </p:nvSpPr>
        <p:spPr bwMode="auto">
          <a:xfrm>
            <a:off x="345501" y="3322578"/>
            <a:ext cx="11703064" cy="3505038"/>
          </a:xfrm>
          <a:prstGeom prst="roundRect">
            <a:avLst>
              <a:gd name="adj" fmla="val 9853"/>
            </a:avLst>
          </a:prstGeom>
          <a:solidFill>
            <a:srgbClr val="0070C0"/>
          </a:solidFill>
          <a:ln w="5715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79424" y="476250"/>
            <a:ext cx="9605353" cy="1081088"/>
          </a:xfrm>
        </p:spPr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MINI-LINK 6352 – </a:t>
            </a:r>
            <a:r>
              <a:rPr lang="en-US" dirty="0" err="1">
                <a:solidFill>
                  <a:schemeClr val="bg1"/>
                </a:solidFill>
              </a:rPr>
              <a:t>rádia</a:t>
            </a:r>
            <a:r>
              <a:rPr lang="en-US" dirty="0">
                <a:solidFill>
                  <a:schemeClr val="bg1"/>
                </a:solidFill>
              </a:rPr>
              <a:t> pro E </a:t>
            </a:r>
            <a:r>
              <a:rPr lang="en-US" dirty="0" err="1">
                <a:solidFill>
                  <a:schemeClr val="bg1"/>
                </a:solidFill>
              </a:rPr>
              <a:t>pásmo</a:t>
            </a:r>
            <a:endParaRPr lang="en-US" dirty="0">
              <a:solidFill>
                <a:schemeClr val="bg1"/>
              </a:solidFill>
            </a:endParaRPr>
          </a:p>
        </p:txBody>
      </p:sp>
      <p:grpSp>
        <p:nvGrpSpPr>
          <p:cNvPr id="7" name="Group 6"/>
          <p:cNvGrpSpPr/>
          <p:nvPr/>
        </p:nvGrpSpPr>
        <p:grpSpPr>
          <a:xfrm>
            <a:off x="6467945" y="1041036"/>
            <a:ext cx="1697667" cy="1635485"/>
            <a:chOff x="3071528" y="1403215"/>
            <a:chExt cx="1697667" cy="1635485"/>
          </a:xfrm>
        </p:grpSpPr>
        <p:sp>
          <p:nvSpPr>
            <p:cNvPr id="14" name="Oval 47"/>
            <p:cNvSpPr>
              <a:spLocks noChangeArrowheads="1"/>
            </p:cNvSpPr>
            <p:nvPr/>
          </p:nvSpPr>
          <p:spPr bwMode="auto">
            <a:xfrm>
              <a:off x="3071528" y="1403215"/>
              <a:ext cx="1697667" cy="1635485"/>
            </a:xfrm>
            <a:prstGeom prst="ellipse">
              <a:avLst/>
            </a:prstGeom>
            <a:solidFill>
              <a:srgbClr val="89BA17">
                <a:alpha val="39000"/>
              </a:srgbClr>
            </a:solidFill>
            <a:ln w="292100">
              <a:solidFill>
                <a:schemeClr val="bg1"/>
              </a:solidFill>
              <a:miter lim="800000"/>
              <a:headEnd/>
              <a:tailEnd/>
            </a:ln>
          </p:spPr>
          <p:txBody>
            <a:bodyPr/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0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15" name="Oval 46"/>
            <p:cNvSpPr>
              <a:spLocks noChangeArrowheads="1"/>
            </p:cNvSpPr>
            <p:nvPr/>
          </p:nvSpPr>
          <p:spPr bwMode="auto">
            <a:xfrm>
              <a:off x="3196810" y="1530824"/>
              <a:ext cx="1456545" cy="1403195"/>
            </a:xfrm>
            <a:prstGeom prst="ellipse">
              <a:avLst/>
            </a:prstGeom>
            <a:solidFill>
              <a:schemeClr val="bg1"/>
            </a:solidFill>
            <a:ln w="9525">
              <a:noFill/>
              <a:round/>
              <a:headEnd/>
              <a:tailEnd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1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</p:grpSp>
      <p:graphicFrame>
        <p:nvGraphicFramePr>
          <p:cNvPr id="23" name="Table 22"/>
          <p:cNvGraphicFramePr>
            <a:graphicFrameLocks noGrp="1"/>
          </p:cNvGraphicFramePr>
          <p:nvPr/>
        </p:nvGraphicFramePr>
        <p:xfrm>
          <a:off x="485767" y="3403697"/>
          <a:ext cx="11360731" cy="3423919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671757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603992">
                  <a:extLst>
                    <a:ext uri="{9D8B030D-6E8A-4147-A177-3AD203B41FA5}">
                      <a16:colId xmlns:a16="http://schemas.microsoft.com/office/drawing/2014/main" val="3987366329"/>
                    </a:ext>
                  </a:extLst>
                </a:gridCol>
                <a:gridCol w="3042491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3042491">
                  <a:extLst>
                    <a:ext uri="{9D8B030D-6E8A-4147-A177-3AD203B41FA5}">
                      <a16:colId xmlns:a16="http://schemas.microsoft.com/office/drawing/2014/main" val="3715797695"/>
                    </a:ext>
                  </a:extLst>
                </a:gridCol>
              </a:tblGrid>
              <a:tr h="737616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Interfaces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 x </a:t>
                      </a:r>
                      <a:r>
                        <a:rPr lang="en-US" sz="1200" dirty="0" err="1">
                          <a:solidFill>
                            <a:schemeClr val="bg1"/>
                          </a:solidFill>
                        </a:rPr>
                        <a:t>Opto</a:t>
                      </a: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 (1/10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PoE (1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O&amp;M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 x </a:t>
                      </a:r>
                      <a:r>
                        <a:rPr lang="en-US" sz="1200" dirty="0" err="1">
                          <a:solidFill>
                            <a:schemeClr val="bg1"/>
                          </a:solidFill>
                        </a:rPr>
                        <a:t>Opto</a:t>
                      </a: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 (1/10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PoE (1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O&amp;M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XPI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 x </a:t>
                      </a:r>
                      <a:r>
                        <a:rPr lang="en-US" sz="1200" dirty="0" err="1">
                          <a:solidFill>
                            <a:schemeClr val="bg1"/>
                          </a:solidFill>
                        </a:rPr>
                        <a:t>Opto</a:t>
                      </a: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 (1/10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PoE (1GE)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 x O&amp;M</a:t>
                      </a:r>
                    </a:p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XPI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256898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Modulation &amp; CS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BPSK/2 - 512 QAM &amp; 125-2000 MHz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BPSK/2 - 512 QAM &amp; 125-2000 MHz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77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BPSK/2 - 1024 QAM &amp; 62.5-2000 MHz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409786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Capacity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: 10 Gbps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: 10 Gbp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: 10 Gbps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: 10 Gbps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x(1+0) XPIC: 20 Gbp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: 10 Gbps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: 10 Gbps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x(1+0) XPIC: 20 Gbp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21739554"/>
                  </a:ext>
                </a:extLst>
              </a:tr>
              <a:tr h="1229359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Configurations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with EQ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&amp; XPIC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with EQP</a:t>
                      </a:r>
                    </a:p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&amp; XPIC with EQP</a:t>
                      </a:r>
                    </a:p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x(1+0) XPI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+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&amp; XPIC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with EQP</a:t>
                      </a:r>
                    </a:p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+0 RLB &amp; XPIC with EQP</a:t>
                      </a:r>
                    </a:p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x(1+0) XPI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114603556"/>
                  </a:ext>
                </a:extLst>
              </a:tr>
              <a:tr h="256898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Output power</a:t>
                      </a:r>
                    </a:p>
                  </a:txBody>
                  <a:tcPr>
                    <a:lnL w="12700" cmpd="sng"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0 to +18 dBm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0 to +18 dBm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0 to +21 dBm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65844483"/>
                  </a:ext>
                </a:extLst>
              </a:tr>
            </a:tbl>
          </a:graphicData>
        </a:graphic>
      </p:graphicFrame>
      <p:sp>
        <p:nvSpPr>
          <p:cNvPr id="30" name="TextBox 29"/>
          <p:cNvSpPr txBox="1"/>
          <p:nvPr/>
        </p:nvSpPr>
        <p:spPr>
          <a:xfrm>
            <a:off x="6443637" y="2719847"/>
            <a:ext cx="1874966" cy="584775"/>
          </a:xfrm>
          <a:prstGeom prst="rect">
            <a:avLst/>
          </a:prstGeom>
          <a:solidFill>
            <a:srgbClr val="0070C0"/>
          </a:solidFill>
          <a:ln w="28575">
            <a:solidFill>
              <a:schemeClr val="bg1"/>
            </a:solidFill>
          </a:ln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MINI-LINK 6352/2</a:t>
            </a:r>
            <a:b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</a:b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E2103880-380A-4F8B-951C-1712A830CDCE}"/>
              </a:ext>
            </a:extLst>
          </p:cNvPr>
          <p:cNvGrpSpPr/>
          <p:nvPr/>
        </p:nvGrpSpPr>
        <p:grpSpPr>
          <a:xfrm>
            <a:off x="3732732" y="1066384"/>
            <a:ext cx="1697667" cy="1635485"/>
            <a:chOff x="3071528" y="1403215"/>
            <a:chExt cx="1697667" cy="1635485"/>
          </a:xfrm>
        </p:grpSpPr>
        <p:sp>
          <p:nvSpPr>
            <p:cNvPr id="43" name="Oval 47">
              <a:extLst>
                <a:ext uri="{FF2B5EF4-FFF2-40B4-BE49-F238E27FC236}">
                  <a16:creationId xmlns:a16="http://schemas.microsoft.com/office/drawing/2014/main" id="{1748B86E-0330-4C5F-9EEE-66F1CCC9E1DE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3071528" y="1403215"/>
              <a:ext cx="1697667" cy="1635485"/>
            </a:xfrm>
            <a:prstGeom prst="ellipse">
              <a:avLst/>
            </a:prstGeom>
            <a:solidFill>
              <a:srgbClr val="89BA17">
                <a:alpha val="39000"/>
              </a:srgbClr>
            </a:solidFill>
            <a:ln w="292100">
              <a:solidFill>
                <a:schemeClr val="bg1"/>
              </a:solidFill>
              <a:miter lim="800000"/>
              <a:headEnd/>
              <a:tailEnd/>
            </a:ln>
          </p:spPr>
          <p:txBody>
            <a:bodyPr/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0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44" name="Oval 46">
              <a:extLst>
                <a:ext uri="{FF2B5EF4-FFF2-40B4-BE49-F238E27FC236}">
                  <a16:creationId xmlns:a16="http://schemas.microsoft.com/office/drawing/2014/main" id="{01617479-9115-48EB-A812-E407E102104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3196810" y="1530824"/>
              <a:ext cx="1456545" cy="1403195"/>
            </a:xfrm>
            <a:prstGeom prst="ellipse">
              <a:avLst/>
            </a:prstGeom>
            <a:solidFill>
              <a:schemeClr val="bg1"/>
            </a:solidFill>
            <a:ln w="9525">
              <a:noFill/>
              <a:round/>
              <a:headEnd/>
              <a:tailEnd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1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B09A7854-AF95-4DCE-800B-714EE9CCB68A}"/>
              </a:ext>
            </a:extLst>
          </p:cNvPr>
          <p:cNvPicPr>
            <a:picLocks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499850" y="457200"/>
            <a:ext cx="200025" cy="285750"/>
          </a:xfrm>
          <a:prstGeom prst="rect">
            <a:avLst/>
          </a:prstGeom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17E3973C-64B4-4C42-84C0-32D281746D48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11372" y="1167546"/>
            <a:ext cx="1403195" cy="1403195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558CE76D-D3A8-4D80-A2B2-57DF9B29D9C0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64856" y="1167546"/>
            <a:ext cx="1403195" cy="1403195"/>
          </a:xfrm>
          <a:prstGeom prst="rect">
            <a:avLst/>
          </a:prstGeom>
        </p:spPr>
      </p:pic>
      <p:grpSp>
        <p:nvGrpSpPr>
          <p:cNvPr id="17" name="Group 16">
            <a:extLst>
              <a:ext uri="{FF2B5EF4-FFF2-40B4-BE49-F238E27FC236}">
                <a16:creationId xmlns:a16="http://schemas.microsoft.com/office/drawing/2014/main" id="{CEBB7C56-DFCC-4F1C-8079-3E1C40503D4C}"/>
              </a:ext>
            </a:extLst>
          </p:cNvPr>
          <p:cNvGrpSpPr/>
          <p:nvPr/>
        </p:nvGrpSpPr>
        <p:grpSpPr>
          <a:xfrm>
            <a:off x="9320514" y="1042824"/>
            <a:ext cx="1697667" cy="1635485"/>
            <a:chOff x="3071528" y="1403215"/>
            <a:chExt cx="1697667" cy="1635485"/>
          </a:xfrm>
        </p:grpSpPr>
        <p:sp>
          <p:nvSpPr>
            <p:cNvPr id="18" name="Oval 47">
              <a:extLst>
                <a:ext uri="{FF2B5EF4-FFF2-40B4-BE49-F238E27FC236}">
                  <a16:creationId xmlns:a16="http://schemas.microsoft.com/office/drawing/2014/main" id="{0BBFE5AA-487A-450E-AE28-93994CB992BE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3071528" y="1403215"/>
              <a:ext cx="1697667" cy="1635485"/>
            </a:xfrm>
            <a:prstGeom prst="ellipse">
              <a:avLst/>
            </a:prstGeom>
            <a:solidFill>
              <a:srgbClr val="89BA17">
                <a:alpha val="39000"/>
              </a:srgbClr>
            </a:solidFill>
            <a:ln w="292100">
              <a:solidFill>
                <a:schemeClr val="bg1"/>
              </a:solidFill>
              <a:miter lim="800000"/>
              <a:headEnd/>
              <a:tailEnd/>
            </a:ln>
          </p:spPr>
          <p:txBody>
            <a:bodyPr/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0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19" name="Oval 46">
              <a:extLst>
                <a:ext uri="{FF2B5EF4-FFF2-40B4-BE49-F238E27FC236}">
                  <a16:creationId xmlns:a16="http://schemas.microsoft.com/office/drawing/2014/main" id="{A76E984D-DC4E-4CFB-B88C-0E4B922D5CE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3196810" y="1530824"/>
              <a:ext cx="1456545" cy="1403195"/>
            </a:xfrm>
            <a:prstGeom prst="ellipse">
              <a:avLst/>
            </a:prstGeom>
            <a:solidFill>
              <a:schemeClr val="bg1"/>
            </a:solidFill>
            <a:ln w="9525">
              <a:noFill/>
              <a:round/>
              <a:headEnd/>
              <a:tailEnd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sv-SE" sz="2000" b="1" i="0" u="none" strike="noStrike" kern="1200" cap="none" spc="0" normalizeH="0" baseline="0" noProof="0" dirty="0">
                <a:ln>
                  <a:noFill/>
                </a:ln>
                <a:solidFill>
                  <a:srgbClr val="58585A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</p:grpSp>
      <p:sp>
        <p:nvSpPr>
          <p:cNvPr id="20" name="TextBox 19">
            <a:extLst>
              <a:ext uri="{FF2B5EF4-FFF2-40B4-BE49-F238E27FC236}">
                <a16:creationId xmlns:a16="http://schemas.microsoft.com/office/drawing/2014/main" id="{E0028526-C0C3-480F-99DE-CBC8FA9B2844}"/>
              </a:ext>
            </a:extLst>
          </p:cNvPr>
          <p:cNvSpPr txBox="1"/>
          <p:nvPr/>
        </p:nvSpPr>
        <p:spPr>
          <a:xfrm>
            <a:off x="9296206" y="2719847"/>
            <a:ext cx="1874966" cy="584775"/>
          </a:xfrm>
          <a:prstGeom prst="rect">
            <a:avLst/>
          </a:prstGeom>
          <a:solidFill>
            <a:srgbClr val="0070C0"/>
          </a:solidFill>
          <a:ln w="28575">
            <a:solidFill>
              <a:schemeClr val="bg1"/>
            </a:solidFill>
          </a:ln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MINI-LINK 6352/3</a:t>
            </a:r>
            <a:b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</a:b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7E3CDBCF-3F3E-4BB5-807D-7BDA85402939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17425" y="1169334"/>
            <a:ext cx="1403195" cy="1403195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89448587-A485-4B56-920D-484916D908E4}"/>
              </a:ext>
            </a:extLst>
          </p:cNvPr>
          <p:cNvSpPr txBox="1"/>
          <p:nvPr/>
        </p:nvSpPr>
        <p:spPr>
          <a:xfrm>
            <a:off x="3538654" y="2719847"/>
            <a:ext cx="1874966" cy="584775"/>
          </a:xfrm>
          <a:prstGeom prst="rect">
            <a:avLst/>
          </a:prstGeom>
          <a:solidFill>
            <a:srgbClr val="0070C0"/>
          </a:solidFill>
          <a:ln w="28575">
            <a:solidFill>
              <a:schemeClr val="bg1"/>
            </a:solidFill>
          </a:ln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MINI-LINK 6352</a:t>
            </a:r>
            <a:b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</a:b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3706341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wonm\AppData\Local\Temp\Templafy\PowerPointVsto\Assets\tempsvg609a4ddd40b26.svg"/>
</p:tagLst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AA7AC0C743A294CADF60F661720E3E6" ma:contentTypeVersion="11" ma:contentTypeDescription="Create a new document." ma:contentTypeScope="" ma:versionID="68a846b975701f5830f42087ef645484">
  <xsd:schema xmlns:xsd="http://www.w3.org/2001/XMLSchema" xmlns:xs="http://www.w3.org/2001/XMLSchema" xmlns:p="http://schemas.microsoft.com/office/2006/metadata/properties" xmlns:ns3="6f846979-0e6f-42ff-8b87-e1893efeda99" xmlns:ns4="db33437f-65a5-48c5-b537-19efd290f967" targetNamespace="http://schemas.microsoft.com/office/2006/metadata/properties" ma:root="true" ma:fieldsID="654e35385dcf7a7854009d93f1825341" ns3:_="" ns4:_="">
    <xsd:import namespace="6f846979-0e6f-42ff-8b87-e1893efeda99"/>
    <xsd:import namespace="db33437f-65a5-48c5-b537-19efd290f96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DateTaken" minOccurs="0"/>
                <xsd:element ref="ns3:MediaServiceLocation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GenerationTime" minOccurs="0"/>
                <xsd:element ref="ns3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f846979-0e6f-42ff-8b87-e1893efeda9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33437f-65a5-48c5-b537-19efd290f967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 Presentation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0pGxs1uoQmsPQrq1hL70Gw=="},{"name":"ConfidentialityClass","value":"5wlu7ZdPxHQj1W0w+yTNSg=="},{"name":"DocTypePresentation","value":"yGgw7qhdpMFbEq5MKwTl1w=="},{"name":"LanguageCode","value":"1BXsXOBeMZq1n/NuTboQeQ=="},{"name":"Date","value":"852Bpv1/iUFmFE/Q/PF4Ew=="},{"name":"TemplateType","value":"PxVEvJY8nE7m/hY9622Sng=="},{"name":"DocTitle","value":"PxVEvJY8nE7m/hY9622Sng=="},{"name":"TotalPageNo","value":"PxVEvJY8nE7m/hY9622Sng=="},{"name":"Prepared","value":"Y1522wTKVCa1lb9SOQNj5Q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8.xml><?xml version="1.0" encoding="utf-8"?>
<TemplafyTemplateConfiguration><![CDATA[{"elementsMetadata":[{"type":"shape","id":"31c0e32a-68ac-4c88-bdc1-17538907d5ef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6f846979-0e6f-42ff-8b87-e1893efeda99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microsoft.com/office/2006/metadata/properties"/>
    <ds:schemaRef ds:uri="db33437f-65a5-48c5-b537-19efd290f967"/>
    <ds:schemaRef ds:uri="http://purl.org/dc/terms/"/>
    <ds:schemaRef ds:uri="http://schemas.openxmlformats.org/package/2006/metadata/core-properties"/>
    <ds:schemaRef ds:uri="http://www.w3.org/XML/1998/namespace"/>
  </ds:schemaRefs>
</ds:datastoreItem>
</file>

<file path=customXml/itemProps10.xml><?xml version="1.0" encoding="utf-8"?>
<ds:datastoreItem xmlns:ds="http://schemas.openxmlformats.org/officeDocument/2006/customXml" ds:itemID="{32BA7684-6BE4-4F73-B22E-30934AB379B8}">
  <ds:schemaRefs/>
</ds:datastoreItem>
</file>

<file path=customXml/itemProps11.xml><?xml version="1.0" encoding="utf-8"?>
<ds:datastoreItem xmlns:ds="http://schemas.openxmlformats.org/officeDocument/2006/customXml" ds:itemID="{03AF3FDC-ACD1-46F3-A43E-782322DF9816}">
  <ds:schemaRefs/>
</ds:datastoreItem>
</file>

<file path=customXml/itemProps12.xml><?xml version="1.0" encoding="utf-8"?>
<ds:datastoreItem xmlns:ds="http://schemas.openxmlformats.org/officeDocument/2006/customXml" ds:itemID="{822D38AD-8010-4CD3-BD6B-117CB8DF70A4}">
  <ds:schemaRefs/>
</ds:datastoreItem>
</file>

<file path=customXml/itemProps13.xml><?xml version="1.0" encoding="utf-8"?>
<ds:datastoreItem xmlns:ds="http://schemas.openxmlformats.org/officeDocument/2006/customXml" ds:itemID="{847502A6-7CBE-43AF-BDF6-4D4423521D8C}">
  <ds:schemaRefs/>
</ds:datastoreItem>
</file>

<file path=customXml/itemProps14.xml><?xml version="1.0" encoding="utf-8"?>
<ds:datastoreItem xmlns:ds="http://schemas.openxmlformats.org/officeDocument/2006/customXml" ds:itemID="{FCD8CE7A-DF32-4247-B794-DF8BBD48DAEC}">
  <ds:schemaRefs/>
</ds:datastoreItem>
</file>

<file path=customXml/itemProps1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6.xml><?xml version="1.0" encoding="utf-8"?>
<ds:datastoreItem xmlns:ds="http://schemas.openxmlformats.org/officeDocument/2006/customXml" ds:itemID="{1CE36EA9-2186-4EB1-871A-8AE59C2A13BB}">
  <ds:schemaRefs/>
</ds:datastoreItem>
</file>

<file path=customXml/itemProps17.xml><?xml version="1.0" encoding="utf-8"?>
<ds:datastoreItem xmlns:ds="http://schemas.openxmlformats.org/officeDocument/2006/customXml" ds:itemID="{72C74149-EDE7-4109-AD64-67F91BB20BA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f846979-0e6f-42ff-8b87-e1893efeda99"/>
    <ds:schemaRef ds:uri="db33437f-65a5-48c5-b537-19efd290f96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58CC0B31-82B9-497A-9A2E-F3F72D0BBDAD}">
  <ds:schemaRefs/>
</ds:datastoreItem>
</file>

<file path=customXml/itemProps19.xml><?xml version="1.0" encoding="utf-8"?>
<ds:datastoreItem xmlns:ds="http://schemas.openxmlformats.org/officeDocument/2006/customXml" ds:itemID="{C99E78A0-C9D4-446F-B674-4DD3E2B46C5D}">
  <ds:schemaRefs/>
</ds:datastoreItem>
</file>

<file path=customXml/itemProps2.xml><?xml version="1.0" encoding="utf-8"?>
<ds:datastoreItem xmlns:ds="http://schemas.openxmlformats.org/officeDocument/2006/customXml" ds:itemID="{C09F197C-6A49-47D0-B877-F88807989676}">
  <ds:schemaRefs/>
</ds:datastoreItem>
</file>

<file path=customXml/itemProps3.xml><?xml version="1.0" encoding="utf-8"?>
<ds:datastoreItem xmlns:ds="http://schemas.openxmlformats.org/officeDocument/2006/customXml" ds:itemID="{01FA9D0A-5FA0-4AE5-B215-4DFC65988A5A}">
  <ds:schemaRefs/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683FEB75-8CFA-449C-A6B1-B1E4A86A58A1}">
  <ds:schemaRefs/>
</ds:datastoreItem>
</file>

<file path=customXml/itemProps6.xml><?xml version="1.0" encoding="utf-8"?>
<ds:datastoreItem xmlns:ds="http://schemas.openxmlformats.org/officeDocument/2006/customXml" ds:itemID="{72516535-7702-46AF-9B1F-8623A67A824E}">
  <ds:schemaRefs/>
</ds:datastoreItem>
</file>

<file path=customXml/itemProps7.xml><?xml version="1.0" encoding="utf-8"?>
<ds:datastoreItem xmlns:ds="http://schemas.openxmlformats.org/officeDocument/2006/customXml" ds:itemID="{C750C5DC-043F-4BD3-940C-EB6F7625E286}">
  <ds:schemaRefs/>
</ds:datastoreItem>
</file>

<file path=customXml/itemProps8.xml><?xml version="1.0" encoding="utf-8"?>
<ds:datastoreItem xmlns:ds="http://schemas.openxmlformats.org/officeDocument/2006/customXml" ds:itemID="{07958A4E-FAB1-42E4-B6B5-29B01F63F87B}">
  <ds:schemaRefs/>
</ds:datastoreItem>
</file>

<file path=customXml/itemProps9.xml><?xml version="1.0" encoding="utf-8"?>
<ds:datastoreItem xmlns:ds="http://schemas.openxmlformats.org/officeDocument/2006/customXml" ds:itemID="{B9AEDDE3-EA02-4A8F-B8F8-0606A0AA45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2396</TotalTime>
  <Words>1415</Words>
  <Application>Microsoft Office PowerPoint</Application>
  <PresentationFormat>Širokoúhlá obrazovka</PresentationFormat>
  <Paragraphs>424</Paragraphs>
  <Slides>16</Slides>
  <Notes>12</Notes>
  <HiddenSlides>0</HiddenSlides>
  <MMClips>0</MMClips>
  <ScaleCrop>false</ScaleCrop>
  <HeadingPairs>
    <vt:vector size="6" baseType="variant">
      <vt:variant>
        <vt:lpstr>Použitá písma</vt:lpstr>
      </vt:variant>
      <vt:variant>
        <vt:i4>5</vt:i4>
      </vt:variant>
      <vt:variant>
        <vt:lpstr>Motiv</vt:lpstr>
      </vt:variant>
      <vt:variant>
        <vt:i4>1</vt:i4>
      </vt:variant>
      <vt:variant>
        <vt:lpstr>Nadpisy snímků</vt:lpstr>
      </vt:variant>
      <vt:variant>
        <vt:i4>16</vt:i4>
      </vt:variant>
    </vt:vector>
  </HeadingPairs>
  <TitlesOfParts>
    <vt:vector size="22" baseType="lpstr">
      <vt:lpstr>Ericsson Hilda Light</vt:lpstr>
      <vt:lpstr>Ericsson Hilda</vt:lpstr>
      <vt:lpstr>Arial</vt:lpstr>
      <vt:lpstr>Ericsson Capital TT</vt:lpstr>
      <vt:lpstr>Ericsson Technical Icons</vt:lpstr>
      <vt:lpstr>PresentationTemplate2017</vt:lpstr>
      <vt:lpstr>MINI-LINK 6371    Vnější jednotka pro standardní pásma a multiband systémy 6 – 80GHz</vt:lpstr>
      <vt:lpstr>MINI-LINK  6000 -   Mikrovlnný systém pro transportní sítě 5G</vt:lpstr>
      <vt:lpstr>MINI-LINK 6371 Vysokokapacitní vnější jednotka</vt:lpstr>
      <vt:lpstr>MINI-LINK 6371  Vysokokapacitní vnější jednotka</vt:lpstr>
      <vt:lpstr>Možnosti instalace jednotek  MINI-LINK 6371 a MINI-LINK 6366/4</vt:lpstr>
      <vt:lpstr>MINI-LINK 6371 – 1+0 do dvou směrů</vt:lpstr>
      <vt:lpstr>MINI-LINK 6651/4</vt:lpstr>
      <vt:lpstr>Portfolio vnějších jednotek pro split systémy</vt:lpstr>
      <vt:lpstr>MINI-LINK 6352 – rádia pro E pásmo</vt:lpstr>
      <vt:lpstr>Multi-band Booster – Kombinace frekvenční pásem</vt:lpstr>
      <vt:lpstr>(hierarchický) Radio Link Bonding (h)RLB MINI-LINK 6371</vt:lpstr>
      <vt:lpstr>MINI-LINK 6371 – multiband booster do dvou směrů</vt:lpstr>
      <vt:lpstr>MINI-LINK 6651/4 – multiband booster do dvou směrů</vt:lpstr>
      <vt:lpstr>MINI-LINK 6371 &amp; MINI-LINK 6651/4 – multiband standardní pásmo 224MHz</vt:lpstr>
      <vt:lpstr>MINI-LINK 6371 &amp; MINI-LINK 6651/4 – multiband</vt:lpstr>
      <vt:lpstr>Prezentace aplikace PowerPoint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uturetec 2022</dc:title>
  <dc:creator>Jaroslav Svarc</dc:creator>
  <cp:keywords/>
  <dc:description>Ucs
Rev</dc:description>
  <cp:lastModifiedBy>Jakub Rejzek</cp:lastModifiedBy>
  <cp:revision>1121</cp:revision>
  <dcterms:created xsi:type="dcterms:W3CDTF">2019-04-23T15:12:54Z</dcterms:created>
  <dcterms:modified xsi:type="dcterms:W3CDTF">2022-06-16T20:09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Identity">
    <vt:lpwstr> </vt:lpwstr>
  </property>
  <property fmtid="{D5CDD505-2E9C-101B-9397-08002B2CF9AE}" pid="3" name="ContentTypeId">
    <vt:lpwstr>0x0101003AA7AC0C743A294CADF60F661720E3E6</vt:lpwstr>
  </property>
  <property fmtid="{D5CDD505-2E9C-101B-9397-08002B2CF9AE}" pid="4" name="DocumentDataTemplate">
    <vt:lpwstr>true</vt:lpwstr>
  </property>
  <property fmtid="{D5CDD505-2E9C-101B-9397-08002B2CF9AE}" pid="5" name="TemplafyTimeStamp">
    <vt:lpwstr>2019-11-19T09:14:07.2291793Z</vt:lpwstr>
  </property>
  <property fmtid="{D5CDD505-2E9C-101B-9397-08002B2CF9AE}" pid="6" name="TemplafyTenantId">
    <vt:lpwstr>ericsson</vt:lpwstr>
  </property>
  <property fmtid="{D5CDD505-2E9C-101B-9397-08002B2CF9AE}" pid="7" name="TemplafyTemplateId">
    <vt:lpwstr>637037983894866703</vt:lpwstr>
  </property>
  <property fmtid="{D5CDD505-2E9C-101B-9397-08002B2CF9AE}" pid="8" name="TemplafyUserProfileId">
    <vt:lpwstr>637104521694867036</vt:lpwstr>
  </property>
  <property fmtid="{D5CDD505-2E9C-101B-9397-08002B2CF9AE}" pid="9" name="TemplafyLanguageCode">
    <vt:lpwstr>en-US</vt:lpwstr>
  </property>
  <property fmtid="{D5CDD505-2E9C-101B-9397-08002B2CF9AE}" pid="10" name="FooterText">
    <vt:lpwstr>true</vt:lpwstr>
  </property>
  <property fmtid="{D5CDD505-2E9C-101B-9397-08002B2CF9AE}" pid="11" name="SecurityClass">
    <vt:lpwstr>Ericsson Internal</vt:lpwstr>
  </property>
  <property fmtid="{D5CDD505-2E9C-101B-9397-08002B2CF9AE}" pid="12" name="DocNo">
    <vt:lpwstr> Ucs</vt:lpwstr>
  </property>
  <property fmtid="{D5CDD505-2E9C-101B-9397-08002B2CF9AE}" pid="13" name="Checked">
    <vt:lpwstr/>
  </property>
  <property fmtid="{D5CDD505-2E9C-101B-9397-08002B2CF9AE}" pid="14" name="Reference">
    <vt:lpwstr/>
  </property>
  <property fmtid="{D5CDD505-2E9C-101B-9397-08002B2CF9AE}" pid="15" name="Keyword">
    <vt:lpwstr/>
  </property>
  <property fmtid="{D5CDD505-2E9C-101B-9397-08002B2CF9AE}" pid="16" name="DocumentType">
    <vt:lpwstr>Presentation2011</vt:lpwstr>
  </property>
  <property fmtid="{D5CDD505-2E9C-101B-9397-08002B2CF9AE}" pid="17" name="Language">
    <vt:lpwstr>EnglishUS</vt:lpwstr>
  </property>
  <property fmtid="{D5CDD505-2E9C-101B-9397-08002B2CF9AE}" pid="18" name="TemplateID">
    <vt:lpwstr>FALSE</vt:lpwstr>
  </property>
  <property fmtid="{D5CDD505-2E9C-101B-9397-08002B2CF9AE}" pid="19" name="ConfCtrl">
    <vt:lpwstr>FALSE</vt:lpwstr>
  </property>
  <property fmtid="{D5CDD505-2E9C-101B-9397-08002B2CF9AE}" pid="20" name="DocTitle">
    <vt:lpwstr>false</vt:lpwstr>
  </property>
  <property fmtid="{D5CDD505-2E9C-101B-9397-08002B2CF9AE}" pid="21" name="IsDocument">
    <vt:lpwstr>false</vt:lpwstr>
  </property>
  <property fmtid="{D5CDD505-2E9C-101B-9397-08002B2CF9AE}" pid="22" name="IsPresentation">
    <vt:lpwstr>true</vt:lpwstr>
  </property>
  <property fmtid="{D5CDD505-2E9C-101B-9397-08002B2CF9AE}" pid="23" name="PageNumberVisible">
    <vt:lpwstr>PageX</vt:lpwstr>
  </property>
  <property fmtid="{D5CDD505-2E9C-101B-9397-08002B2CF9AE}" pid="24" name="DocType">
    <vt:lpwstr>Proposal</vt:lpwstr>
  </property>
  <property fmtid="{D5CDD505-2E9C-101B-9397-08002B2CF9AE}" pid="25" name="TemplateVersion">
    <vt:lpwstr>R2A</vt:lpwstr>
  </property>
  <property fmtid="{D5CDD505-2E9C-101B-9397-08002B2CF9AE}" pid="26" name="PackageNo">
    <vt:lpwstr>LXA 119 603</vt:lpwstr>
  </property>
  <property fmtid="{D5CDD505-2E9C-101B-9397-08002B2CF9AE}" pid="27" name="PackageVersion">
    <vt:lpwstr>R6B</vt:lpwstr>
  </property>
  <property fmtid="{D5CDD505-2E9C-101B-9397-08002B2CF9AE}" pid="28" name="TemplateName">
    <vt:lpwstr>CXC 173 2731/1</vt:lpwstr>
  </property>
  <property fmtid="{D5CDD505-2E9C-101B-9397-08002B2CF9AE}" pid="29" name="BCategory">
    <vt:lpwstr>Research &amp; Development</vt:lpwstr>
  </property>
  <property fmtid="{D5CDD505-2E9C-101B-9397-08002B2CF9AE}" pid="30" name="DocName">
    <vt:lpwstr> </vt:lpwstr>
  </property>
  <property fmtid="{D5CDD505-2E9C-101B-9397-08002B2CF9AE}" pid="31" name="BSubject">
    <vt:lpwstr>Product, Service &amp; Solution Marketing</vt:lpwstr>
  </property>
  <property fmtid="{D5CDD505-2E9C-101B-9397-08002B2CF9AE}" pid="32" name="ExtConf">
    <vt:lpwstr/>
  </property>
  <property fmtid="{D5CDD505-2E9C-101B-9397-08002B2CF9AE}" pid="33" name="Title">
    <vt:lpwstr>Futuretec 2022</vt:lpwstr>
  </property>
  <property fmtid="{D5CDD505-2E9C-101B-9397-08002B2CF9AE}" pid="34" name="Prepared">
    <vt:lpwstr>Jaroslav Svarc</vt:lpwstr>
  </property>
  <property fmtid="{D5CDD505-2E9C-101B-9397-08002B2CF9AE}" pid="35" name="Date">
    <vt:lpwstr>2022-06-16</vt:lpwstr>
  </property>
  <property fmtid="{D5CDD505-2E9C-101B-9397-08002B2CF9AE}" pid="36" name="ApprovedBy">
    <vt:lpwstr/>
  </property>
  <property fmtid="{D5CDD505-2E9C-101B-9397-08002B2CF9AE}" pid="37" name="Revision">
    <vt:lpwstr/>
  </property>
</Properties>
</file>